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tiff" ContentType="image/tif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3.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4.xml" ContentType="application/vnd.openxmlformats-officedocument.theme+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5.xml" ContentType="application/vnd.openxmlformats-officedocument.theme+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notesSlides/notesSlide11.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17" r:id="rId4"/>
    <p:sldMasterId id="2147483648" r:id="rId5"/>
    <p:sldMasterId id="2147483705" r:id="rId6"/>
    <p:sldMasterId id="2147483693" r:id="rId7"/>
    <p:sldMasterId id="2147483660" r:id="rId8"/>
    <p:sldMasterId id="2147483732" r:id="rId9"/>
  </p:sldMasterIdLst>
  <p:notesMasterIdLst>
    <p:notesMasterId r:id="rId58"/>
  </p:notesMasterIdLst>
  <p:sldIdLst>
    <p:sldId id="986" r:id="rId10"/>
    <p:sldId id="992" r:id="rId11"/>
    <p:sldId id="4714" r:id="rId12"/>
    <p:sldId id="4715" r:id="rId13"/>
    <p:sldId id="4713" r:id="rId14"/>
    <p:sldId id="4716" r:id="rId15"/>
    <p:sldId id="4712" r:id="rId16"/>
    <p:sldId id="4717" r:id="rId17"/>
    <p:sldId id="4718" r:id="rId18"/>
    <p:sldId id="4719" r:id="rId19"/>
    <p:sldId id="4720" r:id="rId20"/>
    <p:sldId id="4721" r:id="rId21"/>
    <p:sldId id="4722" r:id="rId22"/>
    <p:sldId id="4723" r:id="rId23"/>
    <p:sldId id="4724" r:id="rId24"/>
    <p:sldId id="4725" r:id="rId25"/>
    <p:sldId id="4726" r:id="rId26"/>
    <p:sldId id="4727" r:id="rId27"/>
    <p:sldId id="4728" r:id="rId28"/>
    <p:sldId id="4729" r:id="rId29"/>
    <p:sldId id="4730" r:id="rId30"/>
    <p:sldId id="4731" r:id="rId31"/>
    <p:sldId id="4732" r:id="rId32"/>
    <p:sldId id="4733" r:id="rId33"/>
    <p:sldId id="4734" r:id="rId34"/>
    <p:sldId id="4735" r:id="rId35"/>
    <p:sldId id="4736" r:id="rId36"/>
    <p:sldId id="4711" r:id="rId37"/>
    <p:sldId id="257" r:id="rId38"/>
    <p:sldId id="2413" r:id="rId39"/>
    <p:sldId id="284" r:id="rId40"/>
    <p:sldId id="285" r:id="rId41"/>
    <p:sldId id="283" r:id="rId42"/>
    <p:sldId id="4737" r:id="rId43"/>
    <p:sldId id="263" r:id="rId44"/>
    <p:sldId id="2414" r:id="rId45"/>
    <p:sldId id="288" r:id="rId46"/>
    <p:sldId id="2415" r:id="rId47"/>
    <p:sldId id="2416" r:id="rId48"/>
    <p:sldId id="2417" r:id="rId49"/>
    <p:sldId id="1044" r:id="rId50"/>
    <p:sldId id="1024" r:id="rId51"/>
    <p:sldId id="1046" r:id="rId52"/>
    <p:sldId id="1043" r:id="rId53"/>
    <p:sldId id="382" r:id="rId54"/>
    <p:sldId id="1037" r:id="rId55"/>
    <p:sldId id="1041" r:id="rId56"/>
    <p:sldId id="1039" r:id="rId5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Blumenthal, Wendy J. (CDC/DDNID/NCCDPHP/DCPC)" initials="BWJ(" lastIdx="2" clrIdx="0">
    <p:extLst>
      <p:ext uri="{19B8F6BF-5375-455C-9EA6-DF929625EA0E}">
        <p15:presenceInfo xmlns:p15="http://schemas.microsoft.com/office/powerpoint/2012/main" userId="S::wfb6@cdc.gov::f5e00f14-3ac2-427d-b616-ad8add26c74a" providerId="AD"/>
      </p:ext>
    </p:extLst>
  </p:cmAuthor>
  <p:cmAuthor id="2" name="Michaels, Maria (CDC/DDPHSS/CSELS/OD)" initials="MM(" lastIdx="7" clrIdx="1">
    <p:extLst>
      <p:ext uri="{19B8F6BF-5375-455C-9EA6-DF929625EA0E}">
        <p15:presenceInfo xmlns:p15="http://schemas.microsoft.com/office/powerpoint/2012/main" userId="S::ktx2@cdc.gov::90e940e6-b690-4d24-b80a-1bdfa10c37a1" providerId="AD"/>
      </p:ext>
    </p:extLst>
  </p:cmAuthor>
  <p:cmAuthor id="3" name="Viall, Abigail H. (CDC/DDID/NCHHSTP/OD)" initials="VAH(" lastIdx="5" clrIdx="2">
    <p:extLst>
      <p:ext uri="{19B8F6BF-5375-455C-9EA6-DF929625EA0E}">
        <p15:presenceInfo xmlns:p15="http://schemas.microsoft.com/office/powerpoint/2012/main" userId="S::bzv3@cdc.gov::f3d5871f-84bf-4875-9fb0-d00a2154068b"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0C0"/>
    <a:srgbClr val="D06F1A"/>
    <a:srgbClr val="DE0D14"/>
    <a:srgbClr val="CCCCFF"/>
    <a:srgbClr val="FFD96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5799" autoAdjust="0"/>
    <p:restoredTop sz="79128" autoAdjust="0"/>
  </p:normalViewPr>
  <p:slideViewPr>
    <p:cSldViewPr snapToGrid="0">
      <p:cViewPr varScale="1">
        <p:scale>
          <a:sx n="62" d="100"/>
          <a:sy n="62" d="100"/>
        </p:scale>
        <p:origin x="1834" y="5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slide" Target="slides/slide17.xml"/><Relationship Id="rId39" Type="http://schemas.openxmlformats.org/officeDocument/2006/relationships/slide" Target="slides/slide30.xml"/><Relationship Id="rId21" Type="http://schemas.openxmlformats.org/officeDocument/2006/relationships/slide" Target="slides/slide12.xml"/><Relationship Id="rId34" Type="http://schemas.openxmlformats.org/officeDocument/2006/relationships/slide" Target="slides/slide25.xml"/><Relationship Id="rId42" Type="http://schemas.openxmlformats.org/officeDocument/2006/relationships/slide" Target="slides/slide33.xml"/><Relationship Id="rId47" Type="http://schemas.openxmlformats.org/officeDocument/2006/relationships/slide" Target="slides/slide38.xml"/><Relationship Id="rId50" Type="http://schemas.openxmlformats.org/officeDocument/2006/relationships/slide" Target="slides/slide41.xml"/><Relationship Id="rId55" Type="http://schemas.openxmlformats.org/officeDocument/2006/relationships/slide" Target="slides/slide46.xml"/><Relationship Id="rId63" Type="http://schemas.openxmlformats.org/officeDocument/2006/relationships/tableStyles" Target="tableStyles.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7.xml"/><Relationship Id="rId20" Type="http://schemas.openxmlformats.org/officeDocument/2006/relationships/slide" Target="slides/slide11.xml"/><Relationship Id="rId29" Type="http://schemas.openxmlformats.org/officeDocument/2006/relationships/slide" Target="slides/slide20.xml"/><Relationship Id="rId41" Type="http://schemas.openxmlformats.org/officeDocument/2006/relationships/slide" Target="slides/slide32.xml"/><Relationship Id="rId54" Type="http://schemas.openxmlformats.org/officeDocument/2006/relationships/slide" Target="slides/slide45.xml"/><Relationship Id="rId62"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slide" Target="slides/slide23.xml"/><Relationship Id="rId37" Type="http://schemas.openxmlformats.org/officeDocument/2006/relationships/slide" Target="slides/slide28.xml"/><Relationship Id="rId40" Type="http://schemas.openxmlformats.org/officeDocument/2006/relationships/slide" Target="slides/slide31.xml"/><Relationship Id="rId45" Type="http://schemas.openxmlformats.org/officeDocument/2006/relationships/slide" Target="slides/slide36.xml"/><Relationship Id="rId53" Type="http://schemas.openxmlformats.org/officeDocument/2006/relationships/slide" Target="slides/slide44.xml"/><Relationship Id="rId58" Type="http://schemas.openxmlformats.org/officeDocument/2006/relationships/notesMaster" Target="notesMasters/notesMaster1.xml"/><Relationship Id="rId5" Type="http://schemas.openxmlformats.org/officeDocument/2006/relationships/slideMaster" Target="slideMasters/slideMaster2.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slide" Target="slides/slide19.xml"/><Relationship Id="rId36" Type="http://schemas.openxmlformats.org/officeDocument/2006/relationships/slide" Target="slides/slide27.xml"/><Relationship Id="rId49" Type="http://schemas.openxmlformats.org/officeDocument/2006/relationships/slide" Target="slides/slide40.xml"/><Relationship Id="rId57" Type="http://schemas.openxmlformats.org/officeDocument/2006/relationships/slide" Target="slides/slide48.xml"/><Relationship Id="rId61" Type="http://schemas.openxmlformats.org/officeDocument/2006/relationships/viewProps" Target="viewProps.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slide" Target="slides/slide22.xml"/><Relationship Id="rId44" Type="http://schemas.openxmlformats.org/officeDocument/2006/relationships/slide" Target="slides/slide35.xml"/><Relationship Id="rId52" Type="http://schemas.openxmlformats.org/officeDocument/2006/relationships/slide" Target="slides/slide43.xml"/><Relationship Id="rId60"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slide" Target="slides/slide18.xml"/><Relationship Id="rId30" Type="http://schemas.openxmlformats.org/officeDocument/2006/relationships/slide" Target="slides/slide21.xml"/><Relationship Id="rId35" Type="http://schemas.openxmlformats.org/officeDocument/2006/relationships/slide" Target="slides/slide26.xml"/><Relationship Id="rId43" Type="http://schemas.openxmlformats.org/officeDocument/2006/relationships/slide" Target="slides/slide34.xml"/><Relationship Id="rId48" Type="http://schemas.openxmlformats.org/officeDocument/2006/relationships/slide" Target="slides/slide39.xml"/><Relationship Id="rId56" Type="http://schemas.openxmlformats.org/officeDocument/2006/relationships/slide" Target="slides/slide47.xml"/><Relationship Id="rId8" Type="http://schemas.openxmlformats.org/officeDocument/2006/relationships/slideMaster" Target="slideMasters/slideMaster5.xml"/><Relationship Id="rId51" Type="http://schemas.openxmlformats.org/officeDocument/2006/relationships/slide" Target="slides/slide42.xml"/><Relationship Id="rId3" Type="http://schemas.openxmlformats.org/officeDocument/2006/relationships/customXml" Target="../customXml/item3.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slide" Target="slides/slide24.xml"/><Relationship Id="rId38" Type="http://schemas.openxmlformats.org/officeDocument/2006/relationships/slide" Target="slides/slide29.xml"/><Relationship Id="rId46" Type="http://schemas.openxmlformats.org/officeDocument/2006/relationships/slide" Target="slides/slide37.xml"/><Relationship Id="rId59" Type="http://schemas.openxmlformats.org/officeDocument/2006/relationships/commentAuthors" Target="commentAuthor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5_2">
  <dgm:title val=""/>
  <dgm:desc val=""/>
  <dgm:catLst>
    <dgm:cat type="accent5" pri="11200"/>
  </dgm:catLst>
  <dgm:styleLbl name="node0">
    <dgm:fillClrLst meth="repeat">
      <a:schemeClr val="accent5"/>
    </dgm:fillClrLst>
    <dgm:linClrLst meth="repeat">
      <a:schemeClr val="lt1"/>
    </dgm:linClrLst>
    <dgm:effectClrLst/>
    <dgm:txLinClrLst/>
    <dgm:txFillClrLst/>
    <dgm:txEffectClrLst/>
  </dgm:styleLbl>
  <dgm:styleLbl name="node1">
    <dgm:fillClrLst meth="repeat">
      <a:schemeClr val="accent5"/>
    </dgm:fillClrLst>
    <dgm:linClrLst meth="repeat">
      <a:schemeClr val="lt1"/>
    </dgm:linClrLst>
    <dgm:effectClrLst/>
    <dgm:txLinClrLst/>
    <dgm:txFillClrLst/>
    <dgm:txEffectClrLst/>
  </dgm:styleLbl>
  <dgm:styleLbl name="alignNode1">
    <dgm:fillClrLst meth="repeat">
      <a:schemeClr val="accent5"/>
    </dgm:fillClrLst>
    <dgm:linClrLst meth="repeat">
      <a:schemeClr val="accent5"/>
    </dgm:linClrLst>
    <dgm:effectClrLst/>
    <dgm:txLinClrLst/>
    <dgm:txFillClrLst/>
    <dgm:txEffectClrLst/>
  </dgm:styleLbl>
  <dgm:styleLbl name="lnNode1">
    <dgm:fillClrLst meth="repeat">
      <a:schemeClr val="accent5"/>
    </dgm:fillClrLst>
    <dgm:linClrLst meth="repeat">
      <a:schemeClr val="lt1"/>
    </dgm:linClrLst>
    <dgm:effectClrLst/>
    <dgm:txLinClrLst/>
    <dgm:txFillClrLst/>
    <dgm:txEffectClrLst/>
  </dgm:styleLbl>
  <dgm:styleLbl name="vennNode1">
    <dgm:fillClrLst meth="repeat">
      <a:schemeClr val="accent5">
        <a:alpha val="50000"/>
      </a:schemeClr>
    </dgm:fillClrLst>
    <dgm:linClrLst meth="repeat">
      <a:schemeClr val="lt1"/>
    </dgm:linClrLst>
    <dgm:effectClrLst/>
    <dgm:txLinClrLst/>
    <dgm:txFillClrLst/>
    <dgm:txEffectClrLst/>
  </dgm:styleLbl>
  <dgm:styleLbl name="node2">
    <dgm:fillClrLst meth="repeat">
      <a:schemeClr val="accent5"/>
    </dgm:fillClrLst>
    <dgm:linClrLst meth="repeat">
      <a:schemeClr val="lt1"/>
    </dgm:linClrLst>
    <dgm:effectClrLst/>
    <dgm:txLinClrLst/>
    <dgm:txFillClrLst/>
    <dgm:txEffectClrLst/>
  </dgm:styleLbl>
  <dgm:styleLbl name="node3">
    <dgm:fillClrLst meth="repeat">
      <a:schemeClr val="accent5"/>
    </dgm:fillClrLst>
    <dgm:linClrLst meth="repeat">
      <a:schemeClr val="lt1"/>
    </dgm:linClrLst>
    <dgm:effectClrLst/>
    <dgm:txLinClrLst/>
    <dgm:txFillClrLst/>
    <dgm:txEffectClrLst/>
  </dgm:styleLbl>
  <dgm:styleLbl name="node4">
    <dgm:fillClrLst meth="repeat">
      <a:schemeClr val="accent5"/>
    </dgm:fillClrLst>
    <dgm:linClrLst meth="repeat">
      <a:schemeClr val="lt1"/>
    </dgm:linClrLst>
    <dgm:effectClrLst/>
    <dgm:txLinClrLst/>
    <dgm:txFillClrLst/>
    <dgm:txEffectClrLst/>
  </dgm:styleLbl>
  <dgm:styleLbl name="fg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5">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5">
        <a:tint val="60000"/>
      </a:schemeClr>
    </dgm:fillClrLst>
    <dgm:linClrLst meth="repeat">
      <a:schemeClr val="accent5">
        <a:tint val="60000"/>
      </a:schemeClr>
    </dgm:linClrLst>
    <dgm:effectClrLst/>
    <dgm:txLinClrLst/>
    <dgm:txFillClrLst/>
    <dgm:txEffectClrLst/>
  </dgm:styleLbl>
  <dgm:styleLbl name="fgSibTrans2D1">
    <dgm:fillClrLst meth="repeat">
      <a:schemeClr val="accent5">
        <a:tint val="60000"/>
      </a:schemeClr>
    </dgm:fillClrLst>
    <dgm:linClrLst meth="repeat">
      <a:schemeClr val="accent5">
        <a:tint val="60000"/>
      </a:schemeClr>
    </dgm:linClrLst>
    <dgm:effectClrLst/>
    <dgm:txLinClrLst/>
    <dgm:txFillClrLst/>
    <dgm:txEffectClrLst/>
  </dgm:styleLbl>
  <dgm:styleLbl name="bgSibTrans2D1">
    <dgm:fillClrLst meth="repeat">
      <a:schemeClr val="accent5">
        <a:tint val="60000"/>
      </a:schemeClr>
    </dgm:fillClrLst>
    <dgm:linClrLst meth="repeat">
      <a:schemeClr val="accent5">
        <a:tint val="60000"/>
      </a:schemeClr>
    </dgm:linClrLst>
    <dgm:effectClrLst/>
    <dgm:txLinClrLst/>
    <dgm:txFillClrLst/>
    <dgm:txEffectClrLst/>
  </dgm:styleLbl>
  <dgm:styleLbl name="sibTrans1D1">
    <dgm:fillClrLst meth="repeat">
      <a:schemeClr val="accent5"/>
    </dgm:fillClrLst>
    <dgm:linClrLst meth="repeat">
      <a:schemeClr val="accent5"/>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dgm:linClrLst>
    <dgm:effectClrLst/>
    <dgm:txLinClrLst/>
    <dgm:txFillClrLst/>
    <dgm:txEffectClrLst/>
  </dgm:styleLbl>
  <dgm:styleLbl name="asst1">
    <dgm:fillClrLst meth="repeat">
      <a:schemeClr val="accent5"/>
    </dgm:fillClrLst>
    <dgm:linClrLst meth="repeat">
      <a:schemeClr val="lt1"/>
    </dgm:linClrLst>
    <dgm:effectClrLst/>
    <dgm:txLinClrLst/>
    <dgm:txFillClrLst/>
    <dgm:txEffectClrLst/>
  </dgm:styleLbl>
  <dgm:styleLbl name="asst2">
    <dgm:fillClrLst meth="repeat">
      <a:schemeClr val="accent5"/>
    </dgm:fillClrLst>
    <dgm:linClrLst meth="repeat">
      <a:schemeClr val="lt1"/>
    </dgm:linClrLst>
    <dgm:effectClrLst/>
    <dgm:txLinClrLst/>
    <dgm:txFillClrLst/>
    <dgm:txEffectClrLst/>
  </dgm:styleLbl>
  <dgm:styleLbl name="asst3">
    <dgm:fillClrLst meth="repeat">
      <a:schemeClr val="accent5"/>
    </dgm:fillClrLst>
    <dgm:linClrLst meth="repeat">
      <a:schemeClr val="lt1"/>
    </dgm:linClrLst>
    <dgm:effectClrLst/>
    <dgm:txLinClrLst/>
    <dgm:txFillClrLst/>
    <dgm:txEffectClrLst/>
  </dgm:styleLbl>
  <dgm:styleLbl name="asst4">
    <dgm:fillClrLst meth="repeat">
      <a:schemeClr val="accent5"/>
    </dgm:fillClrLst>
    <dgm:linClrLst meth="repeat">
      <a:schemeClr val="lt1"/>
    </dgm:linClrLst>
    <dgm:effectClrLst/>
    <dgm:txLinClrLst/>
    <dgm:txFillClrLst/>
    <dgm:txEffectClrLst/>
  </dgm:styleLbl>
  <dgm:styleLbl name="parChTrans2D1">
    <dgm:fillClrLst meth="repeat">
      <a:schemeClr val="accent5">
        <a:tint val="60000"/>
      </a:schemeClr>
    </dgm:fillClrLst>
    <dgm:linClrLst meth="repeat">
      <a:schemeClr val="accent5">
        <a:tint val="60000"/>
      </a:schemeClr>
    </dgm:linClrLst>
    <dgm:effectClrLst/>
    <dgm:txLinClrLst/>
    <dgm:txFillClrLst meth="repeat">
      <a:schemeClr val="lt1"/>
    </dgm:txFillClrLst>
    <dgm:txEffectClrLst/>
  </dgm:styleLbl>
  <dgm:styleLbl name="parChTrans2D2">
    <dgm:fillClrLst meth="repeat">
      <a:schemeClr val="accent5"/>
    </dgm:fillClrLst>
    <dgm:linClrLst meth="repeat">
      <a:schemeClr val="accent5"/>
    </dgm:linClrLst>
    <dgm:effectClrLst/>
    <dgm:txLinClrLst/>
    <dgm:txFillClrLst meth="repeat">
      <a:schemeClr val="lt1"/>
    </dgm:txFillClrLst>
    <dgm:txEffectClrLst/>
  </dgm:styleLbl>
  <dgm:styleLbl name="parChTrans2D3">
    <dgm:fillClrLst meth="repeat">
      <a:schemeClr val="accent5"/>
    </dgm:fillClrLst>
    <dgm:linClrLst meth="repeat">
      <a:schemeClr val="accent5"/>
    </dgm:linClrLst>
    <dgm:effectClrLst/>
    <dgm:txLinClrLst/>
    <dgm:txFillClrLst meth="repeat">
      <a:schemeClr val="lt1"/>
    </dgm:txFillClrLst>
    <dgm:txEffectClrLst/>
  </dgm:styleLbl>
  <dgm:styleLbl name="parChTrans2D4">
    <dgm:fillClrLst meth="repeat">
      <a:schemeClr val="accent5"/>
    </dgm:fillClrLst>
    <dgm:linClrLst meth="repeat">
      <a:schemeClr val="accent5"/>
    </dgm:linClrLst>
    <dgm:effectClrLst/>
    <dgm:txLinClrLst/>
    <dgm:txFillClrLst meth="repeat">
      <a:schemeClr val="lt1"/>
    </dgm:txFillClrLst>
    <dgm:txEffectClrLst/>
  </dgm:styleLbl>
  <dgm:styleLbl name="parChTrans1D1">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2">
    <dgm:fillClrLst meth="repeat">
      <a:schemeClr val="accent5"/>
    </dgm:fillClrLst>
    <dgm:linClrLst meth="repeat">
      <a:schemeClr val="accent5">
        <a:shade val="60000"/>
      </a:schemeClr>
    </dgm:linClrLst>
    <dgm:effectClrLst/>
    <dgm:txLinClrLst/>
    <dgm:txFillClrLst meth="repeat">
      <a:schemeClr val="tx1"/>
    </dgm:txFillClrLst>
    <dgm:txEffectClrLst/>
  </dgm:styleLbl>
  <dgm:styleLbl name="parChTrans1D3">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parChTrans1D4">
    <dgm:fillClrLst meth="repeat">
      <a:schemeClr val="accent5"/>
    </dgm:fillClrLst>
    <dgm:linClrLst meth="repeat">
      <a:schemeClr val="accent5">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solidFgAcc1">
    <dgm:fillClrLst meth="repeat">
      <a:schemeClr val="lt1"/>
    </dgm:fillClrLst>
    <dgm:linClrLst meth="repeat">
      <a:schemeClr val="accent5"/>
    </dgm:linClrLst>
    <dgm:effectClrLst/>
    <dgm:txLinClrLst/>
    <dgm:txFillClrLst meth="repeat">
      <a:schemeClr val="dk1"/>
    </dgm:txFillClrLst>
    <dgm:txEffectClrLst/>
  </dgm:styleLbl>
  <dgm:styleLbl name="solidAlignAcc1">
    <dgm:fillClrLst meth="repeat">
      <a:schemeClr val="lt1"/>
    </dgm:fillClrLst>
    <dgm:linClrLst meth="repeat">
      <a:schemeClr val="accent5"/>
    </dgm:linClrLst>
    <dgm:effectClrLst/>
    <dgm:txLinClrLst/>
    <dgm:txFillClrLst meth="repeat">
      <a:schemeClr val="dk1"/>
    </dgm:txFillClrLst>
    <dgm:txEffectClrLst/>
  </dgm:styleLbl>
  <dgm:styleLbl name="solidBgAcc1">
    <dgm:fillClrLst meth="repeat">
      <a:schemeClr val="lt1"/>
    </dgm:fillClrLst>
    <dgm:linClrLst meth="repeat">
      <a:schemeClr val="accent5"/>
    </dgm:linClrLst>
    <dgm:effectClrLst/>
    <dgm:txLinClrLst/>
    <dgm:txFillClrLst meth="repeat">
      <a:schemeClr val="dk1"/>
    </dgm:txFillClrLst>
    <dgm:txEffectClrLst/>
  </dgm:styleLbl>
  <dgm:styleLbl name="f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align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bgAccFollowNode1">
    <dgm:fillClrLst meth="repeat">
      <a:schemeClr val="accent5">
        <a:alpha val="90000"/>
        <a:tint val="40000"/>
      </a:schemeClr>
    </dgm:fillClrLst>
    <dgm:linClrLst meth="repeat">
      <a:schemeClr val="accent5">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5"/>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accent5"/>
    </dgm:linClrLst>
    <dgm:effectClrLst/>
    <dgm:txLinClrLst/>
    <dgm:txFillClrLst meth="repeat">
      <a:schemeClr val="dk1"/>
    </dgm:txFillClrLst>
    <dgm:txEffectClrLst/>
  </dgm:styleLbl>
  <dgm:styleLbl name="dkBgShp">
    <dgm:fillClrLst meth="repeat">
      <a:schemeClr val="accent5">
        <a:shade val="80000"/>
      </a:schemeClr>
    </dgm:fillClrLst>
    <dgm:linClrLst meth="repeat">
      <a:schemeClr val="accent5"/>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6CEC24F-D1D9-4D79-A845-4E9F5DA981E1}" type="doc">
      <dgm:prSet loTypeId="urn:microsoft.com/office/officeart/2005/8/layout/hProcess11" loCatId="process" qsTypeId="urn:microsoft.com/office/officeart/2005/8/quickstyle/simple1" qsCatId="simple" csTypeId="urn:microsoft.com/office/officeart/2005/8/colors/accent1_2" csCatId="accent1" phldr="1"/>
      <dgm:spPr/>
      <dgm:t>
        <a:bodyPr/>
        <a:lstStyle/>
        <a:p>
          <a:endParaRPr lang="en-US"/>
        </a:p>
      </dgm:t>
    </dgm:pt>
    <dgm:pt modelId="{BA1ECFFD-070E-46C2-B05E-66E1F54D0F1A}">
      <dgm:prSet phldrT="[Text]"/>
      <dgm:spPr/>
      <dgm:t>
        <a:bodyPr/>
        <a:lstStyle/>
        <a:p>
          <a:r>
            <a:rPr lang="en-US" dirty="0">
              <a:solidFill>
                <a:schemeClr val="accent1">
                  <a:lumMod val="75000"/>
                </a:schemeClr>
              </a:solidFill>
            </a:rPr>
            <a:t>March</a:t>
          </a:r>
        </a:p>
      </dgm:t>
    </dgm:pt>
    <dgm:pt modelId="{4B1EAA51-DB47-4E8A-AA1D-F65EA4C994B5}" type="parTrans" cxnId="{AFA720B0-964A-45FC-96D5-AAA8174E9BA0}">
      <dgm:prSet/>
      <dgm:spPr/>
      <dgm:t>
        <a:bodyPr/>
        <a:lstStyle/>
        <a:p>
          <a:endParaRPr lang="en-US"/>
        </a:p>
      </dgm:t>
    </dgm:pt>
    <dgm:pt modelId="{819D9D39-AE4E-44F0-B1EF-EFF776C8FE60}" type="sibTrans" cxnId="{AFA720B0-964A-45FC-96D5-AAA8174E9BA0}">
      <dgm:prSet/>
      <dgm:spPr/>
      <dgm:t>
        <a:bodyPr/>
        <a:lstStyle/>
        <a:p>
          <a:endParaRPr lang="en-US"/>
        </a:p>
      </dgm:t>
    </dgm:pt>
    <dgm:pt modelId="{944D3E21-31E5-4EE2-922C-324E54A87723}">
      <dgm:prSet phldrT="[Text]"/>
      <dgm:spPr/>
      <dgm:t>
        <a:bodyPr/>
        <a:lstStyle/>
        <a:p>
          <a:r>
            <a:rPr lang="en-US" dirty="0">
              <a:solidFill>
                <a:schemeClr val="accent1">
                  <a:lumMod val="75000"/>
                </a:schemeClr>
              </a:solidFill>
            </a:rPr>
            <a:t>April</a:t>
          </a:r>
        </a:p>
      </dgm:t>
    </dgm:pt>
    <dgm:pt modelId="{DCAE7EB5-C44B-48F1-99D8-AD56292D6F2A}" type="parTrans" cxnId="{2BB13466-F665-4EC6-9F80-DD5501695D21}">
      <dgm:prSet/>
      <dgm:spPr/>
      <dgm:t>
        <a:bodyPr/>
        <a:lstStyle/>
        <a:p>
          <a:endParaRPr lang="en-US"/>
        </a:p>
      </dgm:t>
    </dgm:pt>
    <dgm:pt modelId="{7E345830-3AB5-4600-A0A8-488F2DD8AFCC}" type="sibTrans" cxnId="{2BB13466-F665-4EC6-9F80-DD5501695D21}">
      <dgm:prSet/>
      <dgm:spPr/>
      <dgm:t>
        <a:bodyPr/>
        <a:lstStyle/>
        <a:p>
          <a:endParaRPr lang="en-US"/>
        </a:p>
      </dgm:t>
    </dgm:pt>
    <dgm:pt modelId="{73FBE1F6-6376-465C-9E87-4D107CB9C63A}">
      <dgm:prSet phldrT="[Text]"/>
      <dgm:spPr/>
      <dgm:t>
        <a:bodyPr/>
        <a:lstStyle/>
        <a:p>
          <a:r>
            <a:rPr lang="en-US" dirty="0">
              <a:solidFill>
                <a:schemeClr val="accent1">
                  <a:lumMod val="75000"/>
                </a:schemeClr>
              </a:solidFill>
            </a:rPr>
            <a:t>May</a:t>
          </a:r>
        </a:p>
      </dgm:t>
    </dgm:pt>
    <dgm:pt modelId="{864DF091-8874-4716-BB24-5D0660ED24DA}" type="parTrans" cxnId="{25A216E0-A7F7-4886-8C8E-FCBA44ABFEC1}">
      <dgm:prSet/>
      <dgm:spPr/>
      <dgm:t>
        <a:bodyPr/>
        <a:lstStyle/>
        <a:p>
          <a:endParaRPr lang="en-US"/>
        </a:p>
      </dgm:t>
    </dgm:pt>
    <dgm:pt modelId="{A84985D1-8B4F-4B42-947B-49AAA775285E}" type="sibTrans" cxnId="{25A216E0-A7F7-4886-8C8E-FCBA44ABFEC1}">
      <dgm:prSet/>
      <dgm:spPr/>
      <dgm:t>
        <a:bodyPr/>
        <a:lstStyle/>
        <a:p>
          <a:endParaRPr lang="en-US"/>
        </a:p>
      </dgm:t>
    </dgm:pt>
    <dgm:pt modelId="{71BEDC6F-7790-4076-B6D2-B90668927C3C}">
      <dgm:prSet phldrT="[Text]"/>
      <dgm:spPr/>
      <dgm:t>
        <a:bodyPr/>
        <a:lstStyle/>
        <a:p>
          <a:r>
            <a:rPr lang="en-US" dirty="0">
              <a:solidFill>
                <a:schemeClr val="accent1">
                  <a:lumMod val="75000"/>
                </a:schemeClr>
              </a:solidFill>
            </a:rPr>
            <a:t>June</a:t>
          </a:r>
        </a:p>
      </dgm:t>
    </dgm:pt>
    <dgm:pt modelId="{2D3E5479-870C-4980-BB8D-E7899D73D406}" type="parTrans" cxnId="{24722EAE-8416-4BCB-A618-01E37429BFD2}">
      <dgm:prSet/>
      <dgm:spPr/>
      <dgm:t>
        <a:bodyPr/>
        <a:lstStyle/>
        <a:p>
          <a:endParaRPr lang="en-US"/>
        </a:p>
      </dgm:t>
    </dgm:pt>
    <dgm:pt modelId="{E47D42FF-432F-43F8-85F2-B430672C1198}" type="sibTrans" cxnId="{24722EAE-8416-4BCB-A618-01E37429BFD2}">
      <dgm:prSet/>
      <dgm:spPr/>
      <dgm:t>
        <a:bodyPr/>
        <a:lstStyle/>
        <a:p>
          <a:endParaRPr lang="en-US"/>
        </a:p>
      </dgm:t>
    </dgm:pt>
    <dgm:pt modelId="{B8F6DB24-B292-4DCB-BEDC-FA61FBC64C24}">
      <dgm:prSet phldrT="[Text]"/>
      <dgm:spPr/>
      <dgm:t>
        <a:bodyPr/>
        <a:lstStyle/>
        <a:p>
          <a:r>
            <a:rPr lang="en-US" dirty="0">
              <a:solidFill>
                <a:schemeClr val="accent1">
                  <a:lumMod val="75000"/>
                </a:schemeClr>
              </a:solidFill>
            </a:rPr>
            <a:t>July</a:t>
          </a:r>
        </a:p>
      </dgm:t>
    </dgm:pt>
    <dgm:pt modelId="{4E0B0A27-4B2B-4FF3-A595-14EECB915DAD}" type="parTrans" cxnId="{0CB870AA-1919-439F-8572-41828255399B}">
      <dgm:prSet/>
      <dgm:spPr/>
      <dgm:t>
        <a:bodyPr/>
        <a:lstStyle/>
        <a:p>
          <a:endParaRPr lang="en-US"/>
        </a:p>
      </dgm:t>
    </dgm:pt>
    <dgm:pt modelId="{C4D00476-4500-491A-AA2F-7164916272E4}" type="sibTrans" cxnId="{0CB870AA-1919-439F-8572-41828255399B}">
      <dgm:prSet/>
      <dgm:spPr/>
      <dgm:t>
        <a:bodyPr/>
        <a:lstStyle/>
        <a:p>
          <a:endParaRPr lang="en-US"/>
        </a:p>
      </dgm:t>
    </dgm:pt>
    <dgm:pt modelId="{1F02916B-5834-4000-BDDE-1943A6BD2D7F}">
      <dgm:prSet phldrT="[Text]"/>
      <dgm:spPr/>
      <dgm:t>
        <a:bodyPr/>
        <a:lstStyle/>
        <a:p>
          <a:r>
            <a:rPr lang="en-US" dirty="0">
              <a:solidFill>
                <a:schemeClr val="accent1">
                  <a:lumMod val="75000"/>
                </a:schemeClr>
              </a:solidFill>
            </a:rPr>
            <a:t>August</a:t>
          </a:r>
        </a:p>
      </dgm:t>
    </dgm:pt>
    <dgm:pt modelId="{CA5010F9-FC8D-42BE-A503-E1F84A8FCF78}" type="parTrans" cxnId="{D8ECF0A9-6204-4942-B5A6-BA285E7C55BC}">
      <dgm:prSet/>
      <dgm:spPr/>
      <dgm:t>
        <a:bodyPr/>
        <a:lstStyle/>
        <a:p>
          <a:endParaRPr lang="en-US"/>
        </a:p>
      </dgm:t>
    </dgm:pt>
    <dgm:pt modelId="{804C4884-6914-462E-9C16-BE1BB3CA6FBF}" type="sibTrans" cxnId="{D8ECF0A9-6204-4942-B5A6-BA285E7C55BC}">
      <dgm:prSet/>
      <dgm:spPr/>
      <dgm:t>
        <a:bodyPr/>
        <a:lstStyle/>
        <a:p>
          <a:endParaRPr lang="en-US"/>
        </a:p>
      </dgm:t>
    </dgm:pt>
    <dgm:pt modelId="{2D38CFED-4572-4F11-A748-5A37FB09209C}">
      <dgm:prSet phldrT="[Text]"/>
      <dgm:spPr/>
      <dgm:t>
        <a:bodyPr/>
        <a:lstStyle/>
        <a:p>
          <a:r>
            <a:rPr lang="en-US" dirty="0">
              <a:solidFill>
                <a:schemeClr val="accent1">
                  <a:lumMod val="75000"/>
                </a:schemeClr>
              </a:solidFill>
            </a:rPr>
            <a:t>September</a:t>
          </a:r>
        </a:p>
      </dgm:t>
    </dgm:pt>
    <dgm:pt modelId="{07169D9E-8B36-41E2-9248-2FF2FC4A195E}" type="parTrans" cxnId="{8F252EF2-8D7F-4582-81B1-30C75DC90EB6}">
      <dgm:prSet/>
      <dgm:spPr/>
      <dgm:t>
        <a:bodyPr/>
        <a:lstStyle/>
        <a:p>
          <a:endParaRPr lang="en-US"/>
        </a:p>
      </dgm:t>
    </dgm:pt>
    <dgm:pt modelId="{98B6B97B-0067-4572-8455-9F405342E557}" type="sibTrans" cxnId="{8F252EF2-8D7F-4582-81B1-30C75DC90EB6}">
      <dgm:prSet/>
      <dgm:spPr/>
      <dgm:t>
        <a:bodyPr/>
        <a:lstStyle/>
        <a:p>
          <a:endParaRPr lang="en-US"/>
        </a:p>
      </dgm:t>
    </dgm:pt>
    <dgm:pt modelId="{6B2DA6B3-4081-441B-B803-9F8D1F2BC76B}">
      <dgm:prSet phldrT="[Text]"/>
      <dgm:spPr/>
      <dgm:t>
        <a:bodyPr/>
        <a:lstStyle/>
        <a:p>
          <a:r>
            <a:rPr lang="en-US" dirty="0">
              <a:solidFill>
                <a:schemeClr val="accent1">
                  <a:lumMod val="75000"/>
                </a:schemeClr>
              </a:solidFill>
            </a:rPr>
            <a:t>October</a:t>
          </a:r>
        </a:p>
      </dgm:t>
    </dgm:pt>
    <dgm:pt modelId="{72AA705E-47C0-46D5-A547-CE6528C6BDCC}" type="parTrans" cxnId="{FD869AEC-2EB7-4BB3-B94F-A3067FFF1201}">
      <dgm:prSet/>
      <dgm:spPr/>
      <dgm:t>
        <a:bodyPr/>
        <a:lstStyle/>
        <a:p>
          <a:endParaRPr lang="en-US"/>
        </a:p>
      </dgm:t>
    </dgm:pt>
    <dgm:pt modelId="{438FDC20-082E-41BA-BFB8-4D65E1A473F0}" type="sibTrans" cxnId="{FD869AEC-2EB7-4BB3-B94F-A3067FFF1201}">
      <dgm:prSet/>
      <dgm:spPr/>
      <dgm:t>
        <a:bodyPr/>
        <a:lstStyle/>
        <a:p>
          <a:endParaRPr lang="en-US"/>
        </a:p>
      </dgm:t>
    </dgm:pt>
    <dgm:pt modelId="{7ECA0234-90C5-4263-AD9C-02C71AFACA8C}">
      <dgm:prSet phldrT="[Text]"/>
      <dgm:spPr/>
      <dgm:t>
        <a:bodyPr/>
        <a:lstStyle/>
        <a:p>
          <a:r>
            <a:rPr lang="en-US" dirty="0">
              <a:solidFill>
                <a:schemeClr val="accent1">
                  <a:lumMod val="75000"/>
                </a:schemeClr>
              </a:solidFill>
            </a:rPr>
            <a:t>November</a:t>
          </a:r>
        </a:p>
      </dgm:t>
    </dgm:pt>
    <dgm:pt modelId="{1BE4CF92-358D-470B-8210-D179FD6F4D59}" type="parTrans" cxnId="{A0612AA4-65DD-4416-90AF-DE7EC2ADEC55}">
      <dgm:prSet/>
      <dgm:spPr/>
      <dgm:t>
        <a:bodyPr/>
        <a:lstStyle/>
        <a:p>
          <a:endParaRPr lang="en-US"/>
        </a:p>
      </dgm:t>
    </dgm:pt>
    <dgm:pt modelId="{1DFEDFC9-2C40-4955-ACD4-C538C69ADBAF}" type="sibTrans" cxnId="{A0612AA4-65DD-4416-90AF-DE7EC2ADEC55}">
      <dgm:prSet/>
      <dgm:spPr/>
      <dgm:t>
        <a:bodyPr/>
        <a:lstStyle/>
        <a:p>
          <a:endParaRPr lang="en-US"/>
        </a:p>
      </dgm:t>
    </dgm:pt>
    <dgm:pt modelId="{853946EE-33FC-43DD-93F8-E508C503ECF7}">
      <dgm:prSet phldrT="[Text]"/>
      <dgm:spPr/>
      <dgm:t>
        <a:bodyPr/>
        <a:lstStyle/>
        <a:p>
          <a:r>
            <a:rPr lang="en-US" dirty="0">
              <a:solidFill>
                <a:schemeClr val="accent1">
                  <a:lumMod val="75000"/>
                </a:schemeClr>
              </a:solidFill>
            </a:rPr>
            <a:t>December</a:t>
          </a:r>
        </a:p>
      </dgm:t>
    </dgm:pt>
    <dgm:pt modelId="{1B2DFA4C-70D6-490A-BDBD-E2FB04BFADD2}" type="parTrans" cxnId="{ABF6E607-17D2-458E-BD90-7C3FE447D671}">
      <dgm:prSet/>
      <dgm:spPr/>
      <dgm:t>
        <a:bodyPr/>
        <a:lstStyle/>
        <a:p>
          <a:endParaRPr lang="en-US"/>
        </a:p>
      </dgm:t>
    </dgm:pt>
    <dgm:pt modelId="{1EF4BA42-B515-465F-A7C4-5289A8D4BDA5}" type="sibTrans" cxnId="{ABF6E607-17D2-458E-BD90-7C3FE447D671}">
      <dgm:prSet/>
      <dgm:spPr/>
      <dgm:t>
        <a:bodyPr/>
        <a:lstStyle/>
        <a:p>
          <a:endParaRPr lang="en-US"/>
        </a:p>
      </dgm:t>
    </dgm:pt>
    <dgm:pt modelId="{07F2FF3B-D8B9-4743-86C3-687E054025EF}">
      <dgm:prSet phldrT="[Text]"/>
      <dgm:spPr/>
      <dgm:t>
        <a:bodyPr/>
        <a:lstStyle/>
        <a:p>
          <a:r>
            <a:rPr lang="en-US" dirty="0">
              <a:solidFill>
                <a:schemeClr val="accent1">
                  <a:lumMod val="75000"/>
                </a:schemeClr>
              </a:solidFill>
            </a:rPr>
            <a:t>January 2021</a:t>
          </a:r>
        </a:p>
      </dgm:t>
    </dgm:pt>
    <dgm:pt modelId="{3043E279-DE7E-4D35-A000-2D34C4221CBE}" type="parTrans" cxnId="{0FB68889-54A9-46ED-904F-CFFE48597A45}">
      <dgm:prSet/>
      <dgm:spPr/>
      <dgm:t>
        <a:bodyPr/>
        <a:lstStyle/>
        <a:p>
          <a:endParaRPr lang="en-US"/>
        </a:p>
      </dgm:t>
    </dgm:pt>
    <dgm:pt modelId="{A0865B6F-28C9-4B4C-8218-DA2B53426C49}" type="sibTrans" cxnId="{0FB68889-54A9-46ED-904F-CFFE48597A45}">
      <dgm:prSet/>
      <dgm:spPr/>
      <dgm:t>
        <a:bodyPr/>
        <a:lstStyle/>
        <a:p>
          <a:endParaRPr lang="en-US"/>
        </a:p>
      </dgm:t>
    </dgm:pt>
    <dgm:pt modelId="{DD7E958E-EB78-4687-BB0C-2BB497947271}" type="pres">
      <dgm:prSet presAssocID="{16CEC24F-D1D9-4D79-A845-4E9F5DA981E1}" presName="Name0" presStyleCnt="0">
        <dgm:presLayoutVars>
          <dgm:dir/>
          <dgm:resizeHandles val="exact"/>
        </dgm:presLayoutVars>
      </dgm:prSet>
      <dgm:spPr/>
    </dgm:pt>
    <dgm:pt modelId="{7D522E63-09AB-47D4-9DE8-096A69D16B49}" type="pres">
      <dgm:prSet presAssocID="{16CEC24F-D1D9-4D79-A845-4E9F5DA981E1}" presName="arrow" presStyleLbl="bgShp" presStyleIdx="0" presStyleCnt="1"/>
      <dgm:spPr/>
    </dgm:pt>
    <dgm:pt modelId="{57E26925-5633-45A2-9896-B0B7CE6F5FD6}" type="pres">
      <dgm:prSet presAssocID="{16CEC24F-D1D9-4D79-A845-4E9F5DA981E1}" presName="points" presStyleCnt="0"/>
      <dgm:spPr/>
    </dgm:pt>
    <dgm:pt modelId="{E5867298-E631-4152-B043-B56E34DC4B2E}" type="pres">
      <dgm:prSet presAssocID="{BA1ECFFD-070E-46C2-B05E-66E1F54D0F1A}" presName="compositeA" presStyleCnt="0"/>
      <dgm:spPr/>
    </dgm:pt>
    <dgm:pt modelId="{4063CA27-3CED-4222-AA6A-EF4B5A76A445}" type="pres">
      <dgm:prSet presAssocID="{BA1ECFFD-070E-46C2-B05E-66E1F54D0F1A}" presName="textA" presStyleLbl="revTx" presStyleIdx="0" presStyleCnt="11">
        <dgm:presLayoutVars>
          <dgm:bulletEnabled val="1"/>
        </dgm:presLayoutVars>
      </dgm:prSet>
      <dgm:spPr/>
    </dgm:pt>
    <dgm:pt modelId="{1199B3F6-C12C-4466-8485-518B24CB3DC1}" type="pres">
      <dgm:prSet presAssocID="{BA1ECFFD-070E-46C2-B05E-66E1F54D0F1A}" presName="circleA" presStyleLbl="node1" presStyleIdx="0" presStyleCnt="11"/>
      <dgm:spPr/>
    </dgm:pt>
    <dgm:pt modelId="{A3044264-5DEF-45C9-9A6A-DD63A1D7772B}" type="pres">
      <dgm:prSet presAssocID="{BA1ECFFD-070E-46C2-B05E-66E1F54D0F1A}" presName="spaceA" presStyleCnt="0"/>
      <dgm:spPr/>
    </dgm:pt>
    <dgm:pt modelId="{07DEB9F4-A2A5-4E33-A320-9DADBF7AEFD2}" type="pres">
      <dgm:prSet presAssocID="{819D9D39-AE4E-44F0-B1EF-EFF776C8FE60}" presName="space" presStyleCnt="0"/>
      <dgm:spPr/>
    </dgm:pt>
    <dgm:pt modelId="{E9C1C79F-2753-4619-A405-F6E1A332686F}" type="pres">
      <dgm:prSet presAssocID="{944D3E21-31E5-4EE2-922C-324E54A87723}" presName="compositeB" presStyleCnt="0"/>
      <dgm:spPr/>
    </dgm:pt>
    <dgm:pt modelId="{51B7F6BD-63AB-4AFE-B425-0EFCEBFAD578}" type="pres">
      <dgm:prSet presAssocID="{944D3E21-31E5-4EE2-922C-324E54A87723}" presName="textB" presStyleLbl="revTx" presStyleIdx="1" presStyleCnt="11">
        <dgm:presLayoutVars>
          <dgm:bulletEnabled val="1"/>
        </dgm:presLayoutVars>
      </dgm:prSet>
      <dgm:spPr/>
    </dgm:pt>
    <dgm:pt modelId="{5450D9B8-2C5B-425A-8FD0-69183E1AA2DB}" type="pres">
      <dgm:prSet presAssocID="{944D3E21-31E5-4EE2-922C-324E54A87723}" presName="circleB" presStyleLbl="node1" presStyleIdx="1" presStyleCnt="11"/>
      <dgm:spPr/>
    </dgm:pt>
    <dgm:pt modelId="{73C91F5F-A218-43AF-8CCA-EE1FF69D049A}" type="pres">
      <dgm:prSet presAssocID="{944D3E21-31E5-4EE2-922C-324E54A87723}" presName="spaceB" presStyleCnt="0"/>
      <dgm:spPr/>
    </dgm:pt>
    <dgm:pt modelId="{56F6BD9A-8413-4CE7-9763-0649686FCF7B}" type="pres">
      <dgm:prSet presAssocID="{7E345830-3AB5-4600-A0A8-488F2DD8AFCC}" presName="space" presStyleCnt="0"/>
      <dgm:spPr/>
    </dgm:pt>
    <dgm:pt modelId="{96BBF70C-160F-42CC-A1EE-B104A6007658}" type="pres">
      <dgm:prSet presAssocID="{73FBE1F6-6376-465C-9E87-4D107CB9C63A}" presName="compositeA" presStyleCnt="0"/>
      <dgm:spPr/>
    </dgm:pt>
    <dgm:pt modelId="{52EE009B-0FC3-4FC9-8550-01907C046696}" type="pres">
      <dgm:prSet presAssocID="{73FBE1F6-6376-465C-9E87-4D107CB9C63A}" presName="textA" presStyleLbl="revTx" presStyleIdx="2" presStyleCnt="11">
        <dgm:presLayoutVars>
          <dgm:bulletEnabled val="1"/>
        </dgm:presLayoutVars>
      </dgm:prSet>
      <dgm:spPr/>
    </dgm:pt>
    <dgm:pt modelId="{654F0C23-76A0-4684-BC6B-05BD0FF25782}" type="pres">
      <dgm:prSet presAssocID="{73FBE1F6-6376-465C-9E87-4D107CB9C63A}" presName="circleA" presStyleLbl="node1" presStyleIdx="2" presStyleCnt="11"/>
      <dgm:spPr/>
    </dgm:pt>
    <dgm:pt modelId="{2F938D13-A856-4672-905F-8992F05EBB81}" type="pres">
      <dgm:prSet presAssocID="{73FBE1F6-6376-465C-9E87-4D107CB9C63A}" presName="spaceA" presStyleCnt="0"/>
      <dgm:spPr/>
    </dgm:pt>
    <dgm:pt modelId="{22A1979B-7DB2-4412-BA01-112652A52C91}" type="pres">
      <dgm:prSet presAssocID="{A84985D1-8B4F-4B42-947B-49AAA775285E}" presName="space" presStyleCnt="0"/>
      <dgm:spPr/>
    </dgm:pt>
    <dgm:pt modelId="{D7EA12DC-99E5-4242-82F1-33F8877A940D}" type="pres">
      <dgm:prSet presAssocID="{71BEDC6F-7790-4076-B6D2-B90668927C3C}" presName="compositeB" presStyleCnt="0"/>
      <dgm:spPr/>
    </dgm:pt>
    <dgm:pt modelId="{7CBC6228-4FC0-4C0D-AE52-63FB0C77EA2A}" type="pres">
      <dgm:prSet presAssocID="{71BEDC6F-7790-4076-B6D2-B90668927C3C}" presName="textB" presStyleLbl="revTx" presStyleIdx="3" presStyleCnt="11">
        <dgm:presLayoutVars>
          <dgm:bulletEnabled val="1"/>
        </dgm:presLayoutVars>
      </dgm:prSet>
      <dgm:spPr/>
    </dgm:pt>
    <dgm:pt modelId="{BE57B17B-1A01-4EE8-8499-93AE01888840}" type="pres">
      <dgm:prSet presAssocID="{71BEDC6F-7790-4076-B6D2-B90668927C3C}" presName="circleB" presStyleLbl="node1" presStyleIdx="3" presStyleCnt="11"/>
      <dgm:spPr/>
    </dgm:pt>
    <dgm:pt modelId="{81456C6D-D9A7-4EED-8035-1C2C9795C949}" type="pres">
      <dgm:prSet presAssocID="{71BEDC6F-7790-4076-B6D2-B90668927C3C}" presName="spaceB" presStyleCnt="0"/>
      <dgm:spPr/>
    </dgm:pt>
    <dgm:pt modelId="{FA260BB3-AFD0-44D2-9DB6-C99652DE02C0}" type="pres">
      <dgm:prSet presAssocID="{E47D42FF-432F-43F8-85F2-B430672C1198}" presName="space" presStyleCnt="0"/>
      <dgm:spPr/>
    </dgm:pt>
    <dgm:pt modelId="{4BA85D4E-3398-45B5-A379-8978424127A7}" type="pres">
      <dgm:prSet presAssocID="{B8F6DB24-B292-4DCB-BEDC-FA61FBC64C24}" presName="compositeA" presStyleCnt="0"/>
      <dgm:spPr/>
    </dgm:pt>
    <dgm:pt modelId="{6ED15B23-9D0E-4163-92BC-9B80354C9A0A}" type="pres">
      <dgm:prSet presAssocID="{B8F6DB24-B292-4DCB-BEDC-FA61FBC64C24}" presName="textA" presStyleLbl="revTx" presStyleIdx="4" presStyleCnt="11">
        <dgm:presLayoutVars>
          <dgm:bulletEnabled val="1"/>
        </dgm:presLayoutVars>
      </dgm:prSet>
      <dgm:spPr/>
    </dgm:pt>
    <dgm:pt modelId="{C11AA3F7-26B3-484D-B94A-9FF084C794B8}" type="pres">
      <dgm:prSet presAssocID="{B8F6DB24-B292-4DCB-BEDC-FA61FBC64C24}" presName="circleA" presStyleLbl="node1" presStyleIdx="4" presStyleCnt="11"/>
      <dgm:spPr/>
    </dgm:pt>
    <dgm:pt modelId="{95BC79C4-2396-48E9-BE3A-77D1C5EEA5E5}" type="pres">
      <dgm:prSet presAssocID="{B8F6DB24-B292-4DCB-BEDC-FA61FBC64C24}" presName="spaceA" presStyleCnt="0"/>
      <dgm:spPr/>
    </dgm:pt>
    <dgm:pt modelId="{E6A1DA4C-CE38-48B4-BE9E-30EBD1F9A1E3}" type="pres">
      <dgm:prSet presAssocID="{C4D00476-4500-491A-AA2F-7164916272E4}" presName="space" presStyleCnt="0"/>
      <dgm:spPr/>
    </dgm:pt>
    <dgm:pt modelId="{6999F848-8CD5-4A90-84D1-A48C73A61789}" type="pres">
      <dgm:prSet presAssocID="{1F02916B-5834-4000-BDDE-1943A6BD2D7F}" presName="compositeB" presStyleCnt="0"/>
      <dgm:spPr/>
    </dgm:pt>
    <dgm:pt modelId="{3A6AD884-DC55-4514-A865-B2C43D53E14B}" type="pres">
      <dgm:prSet presAssocID="{1F02916B-5834-4000-BDDE-1943A6BD2D7F}" presName="textB" presStyleLbl="revTx" presStyleIdx="5" presStyleCnt="11">
        <dgm:presLayoutVars>
          <dgm:bulletEnabled val="1"/>
        </dgm:presLayoutVars>
      </dgm:prSet>
      <dgm:spPr/>
    </dgm:pt>
    <dgm:pt modelId="{B719FFD0-130B-4217-972E-FAFD4D1C96D9}" type="pres">
      <dgm:prSet presAssocID="{1F02916B-5834-4000-BDDE-1943A6BD2D7F}" presName="circleB" presStyleLbl="node1" presStyleIdx="5" presStyleCnt="11"/>
      <dgm:spPr/>
    </dgm:pt>
    <dgm:pt modelId="{7A94EBE6-AEC8-4432-B38C-613EFE40A480}" type="pres">
      <dgm:prSet presAssocID="{1F02916B-5834-4000-BDDE-1943A6BD2D7F}" presName="spaceB" presStyleCnt="0"/>
      <dgm:spPr/>
    </dgm:pt>
    <dgm:pt modelId="{CD96E093-50B8-47F7-8735-BF7F4505B6E1}" type="pres">
      <dgm:prSet presAssocID="{804C4884-6914-462E-9C16-BE1BB3CA6FBF}" presName="space" presStyleCnt="0"/>
      <dgm:spPr/>
    </dgm:pt>
    <dgm:pt modelId="{FCE67D3B-818A-4BC5-9E16-D6D5DC78029D}" type="pres">
      <dgm:prSet presAssocID="{2D38CFED-4572-4F11-A748-5A37FB09209C}" presName="compositeA" presStyleCnt="0"/>
      <dgm:spPr/>
    </dgm:pt>
    <dgm:pt modelId="{6A64985C-FA5A-4BC0-9D0B-02676F007F07}" type="pres">
      <dgm:prSet presAssocID="{2D38CFED-4572-4F11-A748-5A37FB09209C}" presName="textA" presStyleLbl="revTx" presStyleIdx="6" presStyleCnt="11">
        <dgm:presLayoutVars>
          <dgm:bulletEnabled val="1"/>
        </dgm:presLayoutVars>
      </dgm:prSet>
      <dgm:spPr/>
    </dgm:pt>
    <dgm:pt modelId="{D5A4C16D-7B79-4538-887C-996B1F3C1031}" type="pres">
      <dgm:prSet presAssocID="{2D38CFED-4572-4F11-A748-5A37FB09209C}" presName="circleA" presStyleLbl="node1" presStyleIdx="6" presStyleCnt="11"/>
      <dgm:spPr/>
    </dgm:pt>
    <dgm:pt modelId="{015A692C-2AE6-4A89-9E0A-5AC04E11DDB0}" type="pres">
      <dgm:prSet presAssocID="{2D38CFED-4572-4F11-A748-5A37FB09209C}" presName="spaceA" presStyleCnt="0"/>
      <dgm:spPr/>
    </dgm:pt>
    <dgm:pt modelId="{37F19215-922D-4B89-ADC7-6F9B71E817F3}" type="pres">
      <dgm:prSet presAssocID="{98B6B97B-0067-4572-8455-9F405342E557}" presName="space" presStyleCnt="0"/>
      <dgm:spPr/>
    </dgm:pt>
    <dgm:pt modelId="{7CC385D8-97E9-4881-8F68-800B0BA1475A}" type="pres">
      <dgm:prSet presAssocID="{6B2DA6B3-4081-441B-B803-9F8D1F2BC76B}" presName="compositeB" presStyleCnt="0"/>
      <dgm:spPr/>
    </dgm:pt>
    <dgm:pt modelId="{78559467-EA86-463D-AF32-66C00D29B622}" type="pres">
      <dgm:prSet presAssocID="{6B2DA6B3-4081-441B-B803-9F8D1F2BC76B}" presName="textB" presStyleLbl="revTx" presStyleIdx="7" presStyleCnt="11">
        <dgm:presLayoutVars>
          <dgm:bulletEnabled val="1"/>
        </dgm:presLayoutVars>
      </dgm:prSet>
      <dgm:spPr/>
    </dgm:pt>
    <dgm:pt modelId="{CBD8F83D-FA13-4D50-895E-81A0FF6439A5}" type="pres">
      <dgm:prSet presAssocID="{6B2DA6B3-4081-441B-B803-9F8D1F2BC76B}" presName="circleB" presStyleLbl="node1" presStyleIdx="7" presStyleCnt="11"/>
      <dgm:spPr/>
    </dgm:pt>
    <dgm:pt modelId="{298517AB-4E6C-40C1-A616-2D2A601C65A2}" type="pres">
      <dgm:prSet presAssocID="{6B2DA6B3-4081-441B-B803-9F8D1F2BC76B}" presName="spaceB" presStyleCnt="0"/>
      <dgm:spPr/>
    </dgm:pt>
    <dgm:pt modelId="{A6EE4A7B-ABC2-4230-8029-2CD01FB9178C}" type="pres">
      <dgm:prSet presAssocID="{438FDC20-082E-41BA-BFB8-4D65E1A473F0}" presName="space" presStyleCnt="0"/>
      <dgm:spPr/>
    </dgm:pt>
    <dgm:pt modelId="{BEE5EACE-2D6E-47D1-AD43-7543BBA00E61}" type="pres">
      <dgm:prSet presAssocID="{7ECA0234-90C5-4263-AD9C-02C71AFACA8C}" presName="compositeA" presStyleCnt="0"/>
      <dgm:spPr/>
    </dgm:pt>
    <dgm:pt modelId="{448140BF-533D-45C4-94F6-A8A0391B3D0F}" type="pres">
      <dgm:prSet presAssocID="{7ECA0234-90C5-4263-AD9C-02C71AFACA8C}" presName="textA" presStyleLbl="revTx" presStyleIdx="8" presStyleCnt="11">
        <dgm:presLayoutVars>
          <dgm:bulletEnabled val="1"/>
        </dgm:presLayoutVars>
      </dgm:prSet>
      <dgm:spPr/>
    </dgm:pt>
    <dgm:pt modelId="{F682EF90-46AB-4A5B-A354-CE6F81BABE54}" type="pres">
      <dgm:prSet presAssocID="{7ECA0234-90C5-4263-AD9C-02C71AFACA8C}" presName="circleA" presStyleLbl="node1" presStyleIdx="8" presStyleCnt="11"/>
      <dgm:spPr/>
    </dgm:pt>
    <dgm:pt modelId="{9E9DBD10-3609-477A-91B7-2185674D050C}" type="pres">
      <dgm:prSet presAssocID="{7ECA0234-90C5-4263-AD9C-02C71AFACA8C}" presName="spaceA" presStyleCnt="0"/>
      <dgm:spPr/>
    </dgm:pt>
    <dgm:pt modelId="{EC9BBFDE-AE1F-464F-9D23-269211BA9B78}" type="pres">
      <dgm:prSet presAssocID="{1DFEDFC9-2C40-4955-ACD4-C538C69ADBAF}" presName="space" presStyleCnt="0"/>
      <dgm:spPr/>
    </dgm:pt>
    <dgm:pt modelId="{B69CBD06-5860-4340-9ECF-EE7C47080DD9}" type="pres">
      <dgm:prSet presAssocID="{853946EE-33FC-43DD-93F8-E508C503ECF7}" presName="compositeB" presStyleCnt="0"/>
      <dgm:spPr/>
    </dgm:pt>
    <dgm:pt modelId="{E6E1F37D-573E-40D3-80BD-378C59C6ED7D}" type="pres">
      <dgm:prSet presAssocID="{853946EE-33FC-43DD-93F8-E508C503ECF7}" presName="textB" presStyleLbl="revTx" presStyleIdx="9" presStyleCnt="11">
        <dgm:presLayoutVars>
          <dgm:bulletEnabled val="1"/>
        </dgm:presLayoutVars>
      </dgm:prSet>
      <dgm:spPr/>
    </dgm:pt>
    <dgm:pt modelId="{D899C065-07BB-4B1F-A4E0-76840B0AFCDA}" type="pres">
      <dgm:prSet presAssocID="{853946EE-33FC-43DD-93F8-E508C503ECF7}" presName="circleB" presStyleLbl="node1" presStyleIdx="9" presStyleCnt="11"/>
      <dgm:spPr/>
    </dgm:pt>
    <dgm:pt modelId="{ABC08A05-EF2E-4E23-AC3C-2E729E0317B4}" type="pres">
      <dgm:prSet presAssocID="{853946EE-33FC-43DD-93F8-E508C503ECF7}" presName="spaceB" presStyleCnt="0"/>
      <dgm:spPr/>
    </dgm:pt>
    <dgm:pt modelId="{C63795CD-6B33-40D9-BFF3-402A40D0709D}" type="pres">
      <dgm:prSet presAssocID="{1EF4BA42-B515-465F-A7C4-5289A8D4BDA5}" presName="space" presStyleCnt="0"/>
      <dgm:spPr/>
    </dgm:pt>
    <dgm:pt modelId="{E7DCF0CE-111A-4AF3-B27D-CB6617116C7D}" type="pres">
      <dgm:prSet presAssocID="{07F2FF3B-D8B9-4743-86C3-687E054025EF}" presName="compositeA" presStyleCnt="0"/>
      <dgm:spPr/>
    </dgm:pt>
    <dgm:pt modelId="{88447E63-F0B7-4ED0-A8F2-A063CFAFDC79}" type="pres">
      <dgm:prSet presAssocID="{07F2FF3B-D8B9-4743-86C3-687E054025EF}" presName="textA" presStyleLbl="revTx" presStyleIdx="10" presStyleCnt="11">
        <dgm:presLayoutVars>
          <dgm:bulletEnabled val="1"/>
        </dgm:presLayoutVars>
      </dgm:prSet>
      <dgm:spPr/>
    </dgm:pt>
    <dgm:pt modelId="{EC6014C0-D608-4029-9E38-AE8EF189FC98}" type="pres">
      <dgm:prSet presAssocID="{07F2FF3B-D8B9-4743-86C3-687E054025EF}" presName="circleA" presStyleLbl="node1" presStyleIdx="10" presStyleCnt="11"/>
      <dgm:spPr/>
    </dgm:pt>
    <dgm:pt modelId="{C9CE3A91-A0C0-4373-9554-6E35CA273A29}" type="pres">
      <dgm:prSet presAssocID="{07F2FF3B-D8B9-4743-86C3-687E054025EF}" presName="spaceA" presStyleCnt="0"/>
      <dgm:spPr/>
    </dgm:pt>
  </dgm:ptLst>
  <dgm:cxnLst>
    <dgm:cxn modelId="{ABF6E607-17D2-458E-BD90-7C3FE447D671}" srcId="{16CEC24F-D1D9-4D79-A845-4E9F5DA981E1}" destId="{853946EE-33FC-43DD-93F8-E508C503ECF7}" srcOrd="9" destOrd="0" parTransId="{1B2DFA4C-70D6-490A-BDBD-E2FB04BFADD2}" sibTransId="{1EF4BA42-B515-465F-A7C4-5289A8D4BDA5}"/>
    <dgm:cxn modelId="{48DC0628-4639-415D-86A8-354AD9063670}" type="presOf" srcId="{853946EE-33FC-43DD-93F8-E508C503ECF7}" destId="{E6E1F37D-573E-40D3-80BD-378C59C6ED7D}" srcOrd="0" destOrd="0" presId="urn:microsoft.com/office/officeart/2005/8/layout/hProcess11"/>
    <dgm:cxn modelId="{17C2D439-E8B4-455C-85BE-BC0C994787F4}" type="presOf" srcId="{B8F6DB24-B292-4DCB-BEDC-FA61FBC64C24}" destId="{6ED15B23-9D0E-4163-92BC-9B80354C9A0A}" srcOrd="0" destOrd="0" presId="urn:microsoft.com/office/officeart/2005/8/layout/hProcess11"/>
    <dgm:cxn modelId="{7406C45C-4A1C-44C1-807C-C1AB9C831BD7}" type="presOf" srcId="{BA1ECFFD-070E-46C2-B05E-66E1F54D0F1A}" destId="{4063CA27-3CED-4222-AA6A-EF4B5A76A445}" srcOrd="0" destOrd="0" presId="urn:microsoft.com/office/officeart/2005/8/layout/hProcess11"/>
    <dgm:cxn modelId="{3785BB60-0A30-4D54-8AA0-83CC1652DB91}" type="presOf" srcId="{7ECA0234-90C5-4263-AD9C-02C71AFACA8C}" destId="{448140BF-533D-45C4-94F6-A8A0391B3D0F}" srcOrd="0" destOrd="0" presId="urn:microsoft.com/office/officeart/2005/8/layout/hProcess11"/>
    <dgm:cxn modelId="{2BB13466-F665-4EC6-9F80-DD5501695D21}" srcId="{16CEC24F-D1D9-4D79-A845-4E9F5DA981E1}" destId="{944D3E21-31E5-4EE2-922C-324E54A87723}" srcOrd="1" destOrd="0" parTransId="{DCAE7EB5-C44B-48F1-99D8-AD56292D6F2A}" sibTransId="{7E345830-3AB5-4600-A0A8-488F2DD8AFCC}"/>
    <dgm:cxn modelId="{7707077C-A351-4742-866D-7CA66404C6BE}" type="presOf" srcId="{71BEDC6F-7790-4076-B6D2-B90668927C3C}" destId="{7CBC6228-4FC0-4C0D-AE52-63FB0C77EA2A}" srcOrd="0" destOrd="0" presId="urn:microsoft.com/office/officeart/2005/8/layout/hProcess11"/>
    <dgm:cxn modelId="{854B3E7E-3AB5-4D99-907E-94425A482386}" type="presOf" srcId="{07F2FF3B-D8B9-4743-86C3-687E054025EF}" destId="{88447E63-F0B7-4ED0-A8F2-A063CFAFDC79}" srcOrd="0" destOrd="0" presId="urn:microsoft.com/office/officeart/2005/8/layout/hProcess11"/>
    <dgm:cxn modelId="{F5F59F83-631B-48A0-9020-0D0AC69E2E46}" type="presOf" srcId="{16CEC24F-D1D9-4D79-A845-4E9F5DA981E1}" destId="{DD7E958E-EB78-4687-BB0C-2BB497947271}" srcOrd="0" destOrd="0" presId="urn:microsoft.com/office/officeart/2005/8/layout/hProcess11"/>
    <dgm:cxn modelId="{0FB68889-54A9-46ED-904F-CFFE48597A45}" srcId="{16CEC24F-D1D9-4D79-A845-4E9F5DA981E1}" destId="{07F2FF3B-D8B9-4743-86C3-687E054025EF}" srcOrd="10" destOrd="0" parTransId="{3043E279-DE7E-4D35-A000-2D34C4221CBE}" sibTransId="{A0865B6F-28C9-4B4C-8218-DA2B53426C49}"/>
    <dgm:cxn modelId="{A0612AA4-65DD-4416-90AF-DE7EC2ADEC55}" srcId="{16CEC24F-D1D9-4D79-A845-4E9F5DA981E1}" destId="{7ECA0234-90C5-4263-AD9C-02C71AFACA8C}" srcOrd="8" destOrd="0" parTransId="{1BE4CF92-358D-470B-8210-D179FD6F4D59}" sibTransId="{1DFEDFC9-2C40-4955-ACD4-C538C69ADBAF}"/>
    <dgm:cxn modelId="{D8ECF0A9-6204-4942-B5A6-BA285E7C55BC}" srcId="{16CEC24F-D1D9-4D79-A845-4E9F5DA981E1}" destId="{1F02916B-5834-4000-BDDE-1943A6BD2D7F}" srcOrd="5" destOrd="0" parTransId="{CA5010F9-FC8D-42BE-A503-E1F84A8FCF78}" sibTransId="{804C4884-6914-462E-9C16-BE1BB3CA6FBF}"/>
    <dgm:cxn modelId="{0CB870AA-1919-439F-8572-41828255399B}" srcId="{16CEC24F-D1D9-4D79-A845-4E9F5DA981E1}" destId="{B8F6DB24-B292-4DCB-BEDC-FA61FBC64C24}" srcOrd="4" destOrd="0" parTransId="{4E0B0A27-4B2B-4FF3-A595-14EECB915DAD}" sibTransId="{C4D00476-4500-491A-AA2F-7164916272E4}"/>
    <dgm:cxn modelId="{24722EAE-8416-4BCB-A618-01E37429BFD2}" srcId="{16CEC24F-D1D9-4D79-A845-4E9F5DA981E1}" destId="{71BEDC6F-7790-4076-B6D2-B90668927C3C}" srcOrd="3" destOrd="0" parTransId="{2D3E5479-870C-4980-BB8D-E7899D73D406}" sibTransId="{E47D42FF-432F-43F8-85F2-B430672C1198}"/>
    <dgm:cxn modelId="{AFA720B0-964A-45FC-96D5-AAA8174E9BA0}" srcId="{16CEC24F-D1D9-4D79-A845-4E9F5DA981E1}" destId="{BA1ECFFD-070E-46C2-B05E-66E1F54D0F1A}" srcOrd="0" destOrd="0" parTransId="{4B1EAA51-DB47-4E8A-AA1D-F65EA4C994B5}" sibTransId="{819D9D39-AE4E-44F0-B1EF-EFF776C8FE60}"/>
    <dgm:cxn modelId="{CF4045BF-9246-4F9E-B2F0-79522143A612}" type="presOf" srcId="{73FBE1F6-6376-465C-9E87-4D107CB9C63A}" destId="{52EE009B-0FC3-4FC9-8550-01907C046696}" srcOrd="0" destOrd="0" presId="urn:microsoft.com/office/officeart/2005/8/layout/hProcess11"/>
    <dgm:cxn modelId="{62B4A7C4-59DE-430F-99A7-A2144AFCB326}" type="presOf" srcId="{2D38CFED-4572-4F11-A748-5A37FB09209C}" destId="{6A64985C-FA5A-4BC0-9D0B-02676F007F07}" srcOrd="0" destOrd="0" presId="urn:microsoft.com/office/officeart/2005/8/layout/hProcess11"/>
    <dgm:cxn modelId="{968718DE-37FC-4538-B3F2-DD36EF29AA35}" type="presOf" srcId="{1F02916B-5834-4000-BDDE-1943A6BD2D7F}" destId="{3A6AD884-DC55-4514-A865-B2C43D53E14B}" srcOrd="0" destOrd="0" presId="urn:microsoft.com/office/officeart/2005/8/layout/hProcess11"/>
    <dgm:cxn modelId="{25A216E0-A7F7-4886-8C8E-FCBA44ABFEC1}" srcId="{16CEC24F-D1D9-4D79-A845-4E9F5DA981E1}" destId="{73FBE1F6-6376-465C-9E87-4D107CB9C63A}" srcOrd="2" destOrd="0" parTransId="{864DF091-8874-4716-BB24-5D0660ED24DA}" sibTransId="{A84985D1-8B4F-4B42-947B-49AAA775285E}"/>
    <dgm:cxn modelId="{A049FDE5-AABC-4244-B76A-8406D16D6AAC}" type="presOf" srcId="{944D3E21-31E5-4EE2-922C-324E54A87723}" destId="{51B7F6BD-63AB-4AFE-B425-0EFCEBFAD578}" srcOrd="0" destOrd="0" presId="urn:microsoft.com/office/officeart/2005/8/layout/hProcess11"/>
    <dgm:cxn modelId="{0E24D8EB-FB5E-414B-ADBA-104EF1535E8D}" type="presOf" srcId="{6B2DA6B3-4081-441B-B803-9F8D1F2BC76B}" destId="{78559467-EA86-463D-AF32-66C00D29B622}" srcOrd="0" destOrd="0" presId="urn:microsoft.com/office/officeart/2005/8/layout/hProcess11"/>
    <dgm:cxn modelId="{FD869AEC-2EB7-4BB3-B94F-A3067FFF1201}" srcId="{16CEC24F-D1D9-4D79-A845-4E9F5DA981E1}" destId="{6B2DA6B3-4081-441B-B803-9F8D1F2BC76B}" srcOrd="7" destOrd="0" parTransId="{72AA705E-47C0-46D5-A547-CE6528C6BDCC}" sibTransId="{438FDC20-082E-41BA-BFB8-4D65E1A473F0}"/>
    <dgm:cxn modelId="{8F252EF2-8D7F-4582-81B1-30C75DC90EB6}" srcId="{16CEC24F-D1D9-4D79-A845-4E9F5DA981E1}" destId="{2D38CFED-4572-4F11-A748-5A37FB09209C}" srcOrd="6" destOrd="0" parTransId="{07169D9E-8B36-41E2-9248-2FF2FC4A195E}" sibTransId="{98B6B97B-0067-4572-8455-9F405342E557}"/>
    <dgm:cxn modelId="{772C55D7-2C05-4221-A501-D52A8DCB52C4}" type="presParOf" srcId="{DD7E958E-EB78-4687-BB0C-2BB497947271}" destId="{7D522E63-09AB-47D4-9DE8-096A69D16B49}" srcOrd="0" destOrd="0" presId="urn:microsoft.com/office/officeart/2005/8/layout/hProcess11"/>
    <dgm:cxn modelId="{114D17DB-E04E-4456-AD35-BCB6B0D64B75}" type="presParOf" srcId="{DD7E958E-EB78-4687-BB0C-2BB497947271}" destId="{57E26925-5633-45A2-9896-B0B7CE6F5FD6}" srcOrd="1" destOrd="0" presId="urn:microsoft.com/office/officeart/2005/8/layout/hProcess11"/>
    <dgm:cxn modelId="{84E12AA7-9EE2-4D4F-B285-F1933487BCBD}" type="presParOf" srcId="{57E26925-5633-45A2-9896-B0B7CE6F5FD6}" destId="{E5867298-E631-4152-B043-B56E34DC4B2E}" srcOrd="0" destOrd="0" presId="urn:microsoft.com/office/officeart/2005/8/layout/hProcess11"/>
    <dgm:cxn modelId="{CAD06114-2712-47CF-9A2C-2786F6FF5A32}" type="presParOf" srcId="{E5867298-E631-4152-B043-B56E34DC4B2E}" destId="{4063CA27-3CED-4222-AA6A-EF4B5A76A445}" srcOrd="0" destOrd="0" presId="urn:microsoft.com/office/officeart/2005/8/layout/hProcess11"/>
    <dgm:cxn modelId="{F29F4A2C-8841-486B-B007-D6FF919F958D}" type="presParOf" srcId="{E5867298-E631-4152-B043-B56E34DC4B2E}" destId="{1199B3F6-C12C-4466-8485-518B24CB3DC1}" srcOrd="1" destOrd="0" presId="urn:microsoft.com/office/officeart/2005/8/layout/hProcess11"/>
    <dgm:cxn modelId="{40B89561-FE3F-4DA2-982F-1082E7E14368}" type="presParOf" srcId="{E5867298-E631-4152-B043-B56E34DC4B2E}" destId="{A3044264-5DEF-45C9-9A6A-DD63A1D7772B}" srcOrd="2" destOrd="0" presId="urn:microsoft.com/office/officeart/2005/8/layout/hProcess11"/>
    <dgm:cxn modelId="{E79C193E-6FBB-468E-9263-062686EA9E71}" type="presParOf" srcId="{57E26925-5633-45A2-9896-B0B7CE6F5FD6}" destId="{07DEB9F4-A2A5-4E33-A320-9DADBF7AEFD2}" srcOrd="1" destOrd="0" presId="urn:microsoft.com/office/officeart/2005/8/layout/hProcess11"/>
    <dgm:cxn modelId="{B8503462-9D50-48FD-9E5B-C6E7FC38C461}" type="presParOf" srcId="{57E26925-5633-45A2-9896-B0B7CE6F5FD6}" destId="{E9C1C79F-2753-4619-A405-F6E1A332686F}" srcOrd="2" destOrd="0" presId="urn:microsoft.com/office/officeart/2005/8/layout/hProcess11"/>
    <dgm:cxn modelId="{FABB5244-2CC5-4422-BD32-6DBC49F429C7}" type="presParOf" srcId="{E9C1C79F-2753-4619-A405-F6E1A332686F}" destId="{51B7F6BD-63AB-4AFE-B425-0EFCEBFAD578}" srcOrd="0" destOrd="0" presId="urn:microsoft.com/office/officeart/2005/8/layout/hProcess11"/>
    <dgm:cxn modelId="{265DC6DB-10FE-4590-A919-0BB66713E6AE}" type="presParOf" srcId="{E9C1C79F-2753-4619-A405-F6E1A332686F}" destId="{5450D9B8-2C5B-425A-8FD0-69183E1AA2DB}" srcOrd="1" destOrd="0" presId="urn:microsoft.com/office/officeart/2005/8/layout/hProcess11"/>
    <dgm:cxn modelId="{3372AFC1-E3CF-49D8-B7C8-58A3602B74EA}" type="presParOf" srcId="{E9C1C79F-2753-4619-A405-F6E1A332686F}" destId="{73C91F5F-A218-43AF-8CCA-EE1FF69D049A}" srcOrd="2" destOrd="0" presId="urn:microsoft.com/office/officeart/2005/8/layout/hProcess11"/>
    <dgm:cxn modelId="{2510BA19-D7B8-4A33-AC52-3E87856708CB}" type="presParOf" srcId="{57E26925-5633-45A2-9896-B0B7CE6F5FD6}" destId="{56F6BD9A-8413-4CE7-9763-0649686FCF7B}" srcOrd="3" destOrd="0" presId="urn:microsoft.com/office/officeart/2005/8/layout/hProcess11"/>
    <dgm:cxn modelId="{56641361-3C5B-4333-BECF-5218CBCE7654}" type="presParOf" srcId="{57E26925-5633-45A2-9896-B0B7CE6F5FD6}" destId="{96BBF70C-160F-42CC-A1EE-B104A6007658}" srcOrd="4" destOrd="0" presId="urn:microsoft.com/office/officeart/2005/8/layout/hProcess11"/>
    <dgm:cxn modelId="{7F4CAC9F-3D63-4CB5-B952-ADBA60B4DB67}" type="presParOf" srcId="{96BBF70C-160F-42CC-A1EE-B104A6007658}" destId="{52EE009B-0FC3-4FC9-8550-01907C046696}" srcOrd="0" destOrd="0" presId="urn:microsoft.com/office/officeart/2005/8/layout/hProcess11"/>
    <dgm:cxn modelId="{F745CA76-0087-4093-A33F-C9B3536B61F2}" type="presParOf" srcId="{96BBF70C-160F-42CC-A1EE-B104A6007658}" destId="{654F0C23-76A0-4684-BC6B-05BD0FF25782}" srcOrd="1" destOrd="0" presId="urn:microsoft.com/office/officeart/2005/8/layout/hProcess11"/>
    <dgm:cxn modelId="{13A3C9CF-384A-495C-ACA1-3AEA880E7C0E}" type="presParOf" srcId="{96BBF70C-160F-42CC-A1EE-B104A6007658}" destId="{2F938D13-A856-4672-905F-8992F05EBB81}" srcOrd="2" destOrd="0" presId="urn:microsoft.com/office/officeart/2005/8/layout/hProcess11"/>
    <dgm:cxn modelId="{CF76FEAF-F383-4427-AEC4-748D0F596013}" type="presParOf" srcId="{57E26925-5633-45A2-9896-B0B7CE6F5FD6}" destId="{22A1979B-7DB2-4412-BA01-112652A52C91}" srcOrd="5" destOrd="0" presId="urn:microsoft.com/office/officeart/2005/8/layout/hProcess11"/>
    <dgm:cxn modelId="{32097479-C94D-4239-9F2F-BCA991A75C09}" type="presParOf" srcId="{57E26925-5633-45A2-9896-B0B7CE6F5FD6}" destId="{D7EA12DC-99E5-4242-82F1-33F8877A940D}" srcOrd="6" destOrd="0" presId="urn:microsoft.com/office/officeart/2005/8/layout/hProcess11"/>
    <dgm:cxn modelId="{FC0821EF-EF0E-4C76-A2E1-467E68E612C2}" type="presParOf" srcId="{D7EA12DC-99E5-4242-82F1-33F8877A940D}" destId="{7CBC6228-4FC0-4C0D-AE52-63FB0C77EA2A}" srcOrd="0" destOrd="0" presId="urn:microsoft.com/office/officeart/2005/8/layout/hProcess11"/>
    <dgm:cxn modelId="{820C806F-B8B5-4CBF-A5B7-E6A85D669436}" type="presParOf" srcId="{D7EA12DC-99E5-4242-82F1-33F8877A940D}" destId="{BE57B17B-1A01-4EE8-8499-93AE01888840}" srcOrd="1" destOrd="0" presId="urn:microsoft.com/office/officeart/2005/8/layout/hProcess11"/>
    <dgm:cxn modelId="{9AE88DB5-40F4-47E1-B4B4-09691F77F350}" type="presParOf" srcId="{D7EA12DC-99E5-4242-82F1-33F8877A940D}" destId="{81456C6D-D9A7-4EED-8035-1C2C9795C949}" srcOrd="2" destOrd="0" presId="urn:microsoft.com/office/officeart/2005/8/layout/hProcess11"/>
    <dgm:cxn modelId="{738CA7A5-5A51-4726-A0C8-D26D436988E8}" type="presParOf" srcId="{57E26925-5633-45A2-9896-B0B7CE6F5FD6}" destId="{FA260BB3-AFD0-44D2-9DB6-C99652DE02C0}" srcOrd="7" destOrd="0" presId="urn:microsoft.com/office/officeart/2005/8/layout/hProcess11"/>
    <dgm:cxn modelId="{8ED661C6-0FFD-41BF-B76E-ECDF0C1205E0}" type="presParOf" srcId="{57E26925-5633-45A2-9896-B0B7CE6F5FD6}" destId="{4BA85D4E-3398-45B5-A379-8978424127A7}" srcOrd="8" destOrd="0" presId="urn:microsoft.com/office/officeart/2005/8/layout/hProcess11"/>
    <dgm:cxn modelId="{7DEBDF04-1AB5-4AFE-A113-D6440897FA91}" type="presParOf" srcId="{4BA85D4E-3398-45B5-A379-8978424127A7}" destId="{6ED15B23-9D0E-4163-92BC-9B80354C9A0A}" srcOrd="0" destOrd="0" presId="urn:microsoft.com/office/officeart/2005/8/layout/hProcess11"/>
    <dgm:cxn modelId="{03D0B20D-9CC2-4514-BB37-5E730B656D4A}" type="presParOf" srcId="{4BA85D4E-3398-45B5-A379-8978424127A7}" destId="{C11AA3F7-26B3-484D-B94A-9FF084C794B8}" srcOrd="1" destOrd="0" presId="urn:microsoft.com/office/officeart/2005/8/layout/hProcess11"/>
    <dgm:cxn modelId="{798F1B22-BFAF-47C3-9280-13A1CB759622}" type="presParOf" srcId="{4BA85D4E-3398-45B5-A379-8978424127A7}" destId="{95BC79C4-2396-48E9-BE3A-77D1C5EEA5E5}" srcOrd="2" destOrd="0" presId="urn:microsoft.com/office/officeart/2005/8/layout/hProcess11"/>
    <dgm:cxn modelId="{D67CFA38-4652-403D-AF02-ECB0E31111CD}" type="presParOf" srcId="{57E26925-5633-45A2-9896-B0B7CE6F5FD6}" destId="{E6A1DA4C-CE38-48B4-BE9E-30EBD1F9A1E3}" srcOrd="9" destOrd="0" presId="urn:microsoft.com/office/officeart/2005/8/layout/hProcess11"/>
    <dgm:cxn modelId="{7205ADE4-E64A-4F24-B8A1-435523987C31}" type="presParOf" srcId="{57E26925-5633-45A2-9896-B0B7CE6F5FD6}" destId="{6999F848-8CD5-4A90-84D1-A48C73A61789}" srcOrd="10" destOrd="0" presId="urn:microsoft.com/office/officeart/2005/8/layout/hProcess11"/>
    <dgm:cxn modelId="{1DEDB6A4-34A1-4706-B711-6FC5C4FD8693}" type="presParOf" srcId="{6999F848-8CD5-4A90-84D1-A48C73A61789}" destId="{3A6AD884-DC55-4514-A865-B2C43D53E14B}" srcOrd="0" destOrd="0" presId="urn:microsoft.com/office/officeart/2005/8/layout/hProcess11"/>
    <dgm:cxn modelId="{63CE4C31-FD60-4831-AD19-3082FCEE15E7}" type="presParOf" srcId="{6999F848-8CD5-4A90-84D1-A48C73A61789}" destId="{B719FFD0-130B-4217-972E-FAFD4D1C96D9}" srcOrd="1" destOrd="0" presId="urn:microsoft.com/office/officeart/2005/8/layout/hProcess11"/>
    <dgm:cxn modelId="{F4204F0E-BAF5-4667-9FFC-C5B23955588E}" type="presParOf" srcId="{6999F848-8CD5-4A90-84D1-A48C73A61789}" destId="{7A94EBE6-AEC8-4432-B38C-613EFE40A480}" srcOrd="2" destOrd="0" presId="urn:microsoft.com/office/officeart/2005/8/layout/hProcess11"/>
    <dgm:cxn modelId="{EF406BBC-6F2F-46E6-B9A9-9509A132DF02}" type="presParOf" srcId="{57E26925-5633-45A2-9896-B0B7CE6F5FD6}" destId="{CD96E093-50B8-47F7-8735-BF7F4505B6E1}" srcOrd="11" destOrd="0" presId="urn:microsoft.com/office/officeart/2005/8/layout/hProcess11"/>
    <dgm:cxn modelId="{DF4B86B0-3988-4679-8018-816D41B93E90}" type="presParOf" srcId="{57E26925-5633-45A2-9896-B0B7CE6F5FD6}" destId="{FCE67D3B-818A-4BC5-9E16-D6D5DC78029D}" srcOrd="12" destOrd="0" presId="urn:microsoft.com/office/officeart/2005/8/layout/hProcess11"/>
    <dgm:cxn modelId="{42B098B6-C587-4C6E-A9F7-486EE6BA7642}" type="presParOf" srcId="{FCE67D3B-818A-4BC5-9E16-D6D5DC78029D}" destId="{6A64985C-FA5A-4BC0-9D0B-02676F007F07}" srcOrd="0" destOrd="0" presId="urn:microsoft.com/office/officeart/2005/8/layout/hProcess11"/>
    <dgm:cxn modelId="{2E4C85BB-B7DE-4A8D-A4DB-EE846D6ACEEE}" type="presParOf" srcId="{FCE67D3B-818A-4BC5-9E16-D6D5DC78029D}" destId="{D5A4C16D-7B79-4538-887C-996B1F3C1031}" srcOrd="1" destOrd="0" presId="urn:microsoft.com/office/officeart/2005/8/layout/hProcess11"/>
    <dgm:cxn modelId="{370AB8E4-D3D8-43B6-A99E-B427BCA534CE}" type="presParOf" srcId="{FCE67D3B-818A-4BC5-9E16-D6D5DC78029D}" destId="{015A692C-2AE6-4A89-9E0A-5AC04E11DDB0}" srcOrd="2" destOrd="0" presId="urn:microsoft.com/office/officeart/2005/8/layout/hProcess11"/>
    <dgm:cxn modelId="{F331775F-F6B3-4270-807A-25770DD1ABBB}" type="presParOf" srcId="{57E26925-5633-45A2-9896-B0B7CE6F5FD6}" destId="{37F19215-922D-4B89-ADC7-6F9B71E817F3}" srcOrd="13" destOrd="0" presId="urn:microsoft.com/office/officeart/2005/8/layout/hProcess11"/>
    <dgm:cxn modelId="{02409E82-1365-4C41-88C9-B2D2D79C1786}" type="presParOf" srcId="{57E26925-5633-45A2-9896-B0B7CE6F5FD6}" destId="{7CC385D8-97E9-4881-8F68-800B0BA1475A}" srcOrd="14" destOrd="0" presId="urn:microsoft.com/office/officeart/2005/8/layout/hProcess11"/>
    <dgm:cxn modelId="{61887811-FCED-4D77-A174-F1C25FFD3A12}" type="presParOf" srcId="{7CC385D8-97E9-4881-8F68-800B0BA1475A}" destId="{78559467-EA86-463D-AF32-66C00D29B622}" srcOrd="0" destOrd="0" presId="urn:microsoft.com/office/officeart/2005/8/layout/hProcess11"/>
    <dgm:cxn modelId="{8DAFC201-3C35-4D37-B824-C93C0B249A63}" type="presParOf" srcId="{7CC385D8-97E9-4881-8F68-800B0BA1475A}" destId="{CBD8F83D-FA13-4D50-895E-81A0FF6439A5}" srcOrd="1" destOrd="0" presId="urn:microsoft.com/office/officeart/2005/8/layout/hProcess11"/>
    <dgm:cxn modelId="{B4FE875D-AF47-4519-B0ED-65AC5330A3C6}" type="presParOf" srcId="{7CC385D8-97E9-4881-8F68-800B0BA1475A}" destId="{298517AB-4E6C-40C1-A616-2D2A601C65A2}" srcOrd="2" destOrd="0" presId="urn:microsoft.com/office/officeart/2005/8/layout/hProcess11"/>
    <dgm:cxn modelId="{7B903CD8-1E2D-4F50-B406-3FCB158D3730}" type="presParOf" srcId="{57E26925-5633-45A2-9896-B0B7CE6F5FD6}" destId="{A6EE4A7B-ABC2-4230-8029-2CD01FB9178C}" srcOrd="15" destOrd="0" presId="urn:microsoft.com/office/officeart/2005/8/layout/hProcess11"/>
    <dgm:cxn modelId="{13012BB1-15AB-418D-BFCA-239D59389EF7}" type="presParOf" srcId="{57E26925-5633-45A2-9896-B0B7CE6F5FD6}" destId="{BEE5EACE-2D6E-47D1-AD43-7543BBA00E61}" srcOrd="16" destOrd="0" presId="urn:microsoft.com/office/officeart/2005/8/layout/hProcess11"/>
    <dgm:cxn modelId="{F804213B-3792-405A-84A5-06E4F89FD06E}" type="presParOf" srcId="{BEE5EACE-2D6E-47D1-AD43-7543BBA00E61}" destId="{448140BF-533D-45C4-94F6-A8A0391B3D0F}" srcOrd="0" destOrd="0" presId="urn:microsoft.com/office/officeart/2005/8/layout/hProcess11"/>
    <dgm:cxn modelId="{B2AC8DDE-F9BE-4880-A5E5-99231C7CC6C3}" type="presParOf" srcId="{BEE5EACE-2D6E-47D1-AD43-7543BBA00E61}" destId="{F682EF90-46AB-4A5B-A354-CE6F81BABE54}" srcOrd="1" destOrd="0" presId="urn:microsoft.com/office/officeart/2005/8/layout/hProcess11"/>
    <dgm:cxn modelId="{3DCDC8DA-3422-44C9-8BD0-DB13EAD17FDE}" type="presParOf" srcId="{BEE5EACE-2D6E-47D1-AD43-7543BBA00E61}" destId="{9E9DBD10-3609-477A-91B7-2185674D050C}" srcOrd="2" destOrd="0" presId="urn:microsoft.com/office/officeart/2005/8/layout/hProcess11"/>
    <dgm:cxn modelId="{B1B25BCE-B0AC-4761-9C2A-DB2558EA5E85}" type="presParOf" srcId="{57E26925-5633-45A2-9896-B0B7CE6F5FD6}" destId="{EC9BBFDE-AE1F-464F-9D23-269211BA9B78}" srcOrd="17" destOrd="0" presId="urn:microsoft.com/office/officeart/2005/8/layout/hProcess11"/>
    <dgm:cxn modelId="{1271B245-412E-4659-943E-999D2682D234}" type="presParOf" srcId="{57E26925-5633-45A2-9896-B0B7CE6F5FD6}" destId="{B69CBD06-5860-4340-9ECF-EE7C47080DD9}" srcOrd="18" destOrd="0" presId="urn:microsoft.com/office/officeart/2005/8/layout/hProcess11"/>
    <dgm:cxn modelId="{A807F6DB-5FF3-4A42-A61E-540CD61ACA5E}" type="presParOf" srcId="{B69CBD06-5860-4340-9ECF-EE7C47080DD9}" destId="{E6E1F37D-573E-40D3-80BD-378C59C6ED7D}" srcOrd="0" destOrd="0" presId="urn:microsoft.com/office/officeart/2005/8/layout/hProcess11"/>
    <dgm:cxn modelId="{D6FBE6F4-9932-4A26-9E03-DAFCD450E9BD}" type="presParOf" srcId="{B69CBD06-5860-4340-9ECF-EE7C47080DD9}" destId="{D899C065-07BB-4B1F-A4E0-76840B0AFCDA}" srcOrd="1" destOrd="0" presId="urn:microsoft.com/office/officeart/2005/8/layout/hProcess11"/>
    <dgm:cxn modelId="{1EF35E98-426D-46CE-9F82-25A0770EFF3E}" type="presParOf" srcId="{B69CBD06-5860-4340-9ECF-EE7C47080DD9}" destId="{ABC08A05-EF2E-4E23-AC3C-2E729E0317B4}" srcOrd="2" destOrd="0" presId="urn:microsoft.com/office/officeart/2005/8/layout/hProcess11"/>
    <dgm:cxn modelId="{AB598A53-7AC5-4127-B99E-1440CEFFAC1C}" type="presParOf" srcId="{57E26925-5633-45A2-9896-B0B7CE6F5FD6}" destId="{C63795CD-6B33-40D9-BFF3-402A40D0709D}" srcOrd="19" destOrd="0" presId="urn:microsoft.com/office/officeart/2005/8/layout/hProcess11"/>
    <dgm:cxn modelId="{D927CA7F-092A-4755-86B5-2695713C298C}" type="presParOf" srcId="{57E26925-5633-45A2-9896-B0B7CE6F5FD6}" destId="{E7DCF0CE-111A-4AF3-B27D-CB6617116C7D}" srcOrd="20" destOrd="0" presId="urn:microsoft.com/office/officeart/2005/8/layout/hProcess11"/>
    <dgm:cxn modelId="{F7FEA395-D9B3-4669-9E54-32DB9A610CC3}" type="presParOf" srcId="{E7DCF0CE-111A-4AF3-B27D-CB6617116C7D}" destId="{88447E63-F0B7-4ED0-A8F2-A063CFAFDC79}" srcOrd="0" destOrd="0" presId="urn:microsoft.com/office/officeart/2005/8/layout/hProcess11"/>
    <dgm:cxn modelId="{EAF9A04D-946A-468E-A1C2-26F34F48E8FF}" type="presParOf" srcId="{E7DCF0CE-111A-4AF3-B27D-CB6617116C7D}" destId="{EC6014C0-D608-4029-9E38-AE8EF189FC98}" srcOrd="1" destOrd="0" presId="urn:microsoft.com/office/officeart/2005/8/layout/hProcess11"/>
    <dgm:cxn modelId="{E761D55B-1F78-46E1-B00A-1231AA05CEEA}" type="presParOf" srcId="{E7DCF0CE-111A-4AF3-B27D-CB6617116C7D}" destId="{C9CE3A91-A0C0-4373-9554-6E35CA273A29}" srcOrd="2" destOrd="0" presId="urn:microsoft.com/office/officeart/2005/8/layout/hProcess1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ED77FE9-76C1-4FC0-9374-70583476310E}" type="doc">
      <dgm:prSet loTypeId="urn:microsoft.com/office/officeart/2005/8/layout/chevron1" loCatId="process" qsTypeId="urn:microsoft.com/office/officeart/2005/8/quickstyle/simple1" qsCatId="simple" csTypeId="urn:microsoft.com/office/officeart/2005/8/colors/accent1_2" csCatId="accent1" phldr="1"/>
      <dgm:spPr/>
    </dgm:pt>
    <dgm:pt modelId="{DD02D688-FB57-48FC-B8DF-B0F24D9916AA}">
      <dgm:prSet custT="1"/>
      <dgm:spPr>
        <a:xfrm>
          <a:off x="5683754" y="0"/>
          <a:ext cx="2103000" cy="400109"/>
        </a:xfrm>
        <a:prstGeom prst="chevron">
          <a:avLst/>
        </a:prstGeom>
        <a:solidFill>
          <a:srgbClr val="0070C0"/>
        </a:solidFill>
        <a:ln w="25400" cap="flat" cmpd="sng" algn="ctr">
          <a:solidFill>
            <a:srgbClr val="FFFFFF">
              <a:hueOff val="0"/>
              <a:satOff val="0"/>
              <a:lumOff val="0"/>
              <a:alphaOff val="0"/>
            </a:srgbClr>
          </a:solidFill>
          <a:prstDash val="solid"/>
        </a:ln>
        <a:effectLst/>
      </dgm:spPr>
      <dgm:t>
        <a:bodyPr/>
        <a:lstStyle/>
        <a:p>
          <a:pPr>
            <a:buNone/>
          </a:pPr>
          <a:r>
            <a:rPr lang="en-US" sz="1800" b="1" dirty="0">
              <a:solidFill>
                <a:srgbClr val="FFFFFF"/>
              </a:solidFill>
              <a:latin typeface="Arial Narrow" pitchFamily="34" charset="0"/>
              <a:ea typeface="+mn-ea"/>
              <a:cs typeface="+mn-cs"/>
            </a:rPr>
            <a:t>Mar - Apr 20</a:t>
          </a:r>
        </a:p>
      </dgm:t>
    </dgm:pt>
    <dgm:pt modelId="{ABC8F978-673A-4B60-B701-5C17B553A22D}" type="parTrans" cxnId="{35DAB5EA-50F7-4160-AFDC-1FBA048BEF3A}">
      <dgm:prSet/>
      <dgm:spPr/>
      <dgm:t>
        <a:bodyPr/>
        <a:lstStyle/>
        <a:p>
          <a:endParaRPr lang="en-US" sz="1800" b="1">
            <a:latin typeface="Arial Narrow" pitchFamily="34" charset="0"/>
          </a:endParaRPr>
        </a:p>
      </dgm:t>
    </dgm:pt>
    <dgm:pt modelId="{70A8742E-EBB8-4C59-950C-57B1BF9261E8}" type="sibTrans" cxnId="{35DAB5EA-50F7-4160-AFDC-1FBA048BEF3A}">
      <dgm:prSet/>
      <dgm:spPr/>
      <dgm:t>
        <a:bodyPr/>
        <a:lstStyle/>
        <a:p>
          <a:endParaRPr lang="en-US" sz="1800" b="1">
            <a:latin typeface="Arial Narrow" pitchFamily="34" charset="0"/>
          </a:endParaRPr>
        </a:p>
      </dgm:t>
    </dgm:pt>
    <dgm:pt modelId="{D14B6FA7-6658-4029-8372-5474CB9FFBA0}">
      <dgm:prSet custT="1"/>
      <dgm:spPr>
        <a:xfrm>
          <a:off x="7576455" y="0"/>
          <a:ext cx="2103000" cy="400109"/>
        </a:xfrm>
        <a:prstGeom prst="chevron">
          <a:avLst/>
        </a:prstGeom>
        <a:solidFill>
          <a:srgbClr val="0070C0"/>
        </a:solidFill>
        <a:ln w="25400" cap="flat" cmpd="sng" algn="ctr">
          <a:solidFill>
            <a:srgbClr val="FFFFFF">
              <a:hueOff val="0"/>
              <a:satOff val="0"/>
              <a:lumOff val="0"/>
              <a:alphaOff val="0"/>
            </a:srgbClr>
          </a:solidFill>
          <a:prstDash val="solid"/>
        </a:ln>
        <a:effectLst/>
      </dgm:spPr>
      <dgm:t>
        <a:bodyPr/>
        <a:lstStyle/>
        <a:p>
          <a:pPr>
            <a:buNone/>
          </a:pPr>
          <a:r>
            <a:rPr lang="en-US" sz="1800" b="1" dirty="0">
              <a:solidFill>
                <a:srgbClr val="FFFFFF"/>
              </a:solidFill>
              <a:latin typeface="Arial Narrow" pitchFamily="34" charset="0"/>
              <a:ea typeface="+mn-ea"/>
              <a:cs typeface="+mn-cs"/>
            </a:rPr>
            <a:t>May – Jun 20</a:t>
          </a:r>
        </a:p>
      </dgm:t>
    </dgm:pt>
    <dgm:pt modelId="{0BFEFD74-9EDF-46CC-AD95-D73501AA7B7D}" type="parTrans" cxnId="{ECDDDF69-668F-4EFF-A7AB-8A6FA2F25E15}">
      <dgm:prSet/>
      <dgm:spPr/>
      <dgm:t>
        <a:bodyPr/>
        <a:lstStyle/>
        <a:p>
          <a:endParaRPr lang="en-US" sz="1800" b="1">
            <a:latin typeface="Arial Narrow" pitchFamily="34" charset="0"/>
          </a:endParaRPr>
        </a:p>
      </dgm:t>
    </dgm:pt>
    <dgm:pt modelId="{7ACD4EF8-8ECA-43BF-9410-C05AB3793DF8}" type="sibTrans" cxnId="{ECDDDF69-668F-4EFF-A7AB-8A6FA2F25E15}">
      <dgm:prSet/>
      <dgm:spPr/>
      <dgm:t>
        <a:bodyPr/>
        <a:lstStyle/>
        <a:p>
          <a:endParaRPr lang="en-US" sz="1800" b="1">
            <a:latin typeface="Arial Narrow" pitchFamily="34" charset="0"/>
          </a:endParaRPr>
        </a:p>
      </dgm:t>
    </dgm:pt>
    <dgm:pt modelId="{D3280703-9DEA-43C3-AAF4-648CDDF7AA24}">
      <dgm:prSet custT="1"/>
      <dgm:spPr>
        <a:xfrm>
          <a:off x="1898353" y="0"/>
          <a:ext cx="2103000" cy="400109"/>
        </a:xfrm>
        <a:prstGeom prst="chevron">
          <a:avLst/>
        </a:prstGeom>
        <a:solidFill>
          <a:srgbClr val="0070C0"/>
        </a:solidFill>
        <a:ln w="25400" cap="flat" cmpd="sng" algn="ctr">
          <a:solidFill>
            <a:srgbClr val="FFFFFF">
              <a:hueOff val="0"/>
              <a:satOff val="0"/>
              <a:lumOff val="0"/>
              <a:alphaOff val="0"/>
            </a:srgbClr>
          </a:solidFill>
          <a:prstDash val="solid"/>
        </a:ln>
        <a:effectLst/>
      </dgm:spPr>
      <dgm:t>
        <a:bodyPr/>
        <a:lstStyle/>
        <a:p>
          <a:pPr>
            <a:buNone/>
          </a:pPr>
          <a:r>
            <a:rPr lang="en-US" sz="1800" b="1" dirty="0">
              <a:solidFill>
                <a:srgbClr val="FFFFFF"/>
              </a:solidFill>
              <a:latin typeface="Arial Narrow" pitchFamily="34" charset="0"/>
              <a:ea typeface="+mn-ea"/>
              <a:cs typeface="+mn-cs"/>
            </a:rPr>
            <a:t>Nov – Dec</a:t>
          </a:r>
          <a:r>
            <a:rPr lang="en-US" sz="1800" b="1" baseline="0" dirty="0">
              <a:solidFill>
                <a:srgbClr val="FFFFFF"/>
              </a:solidFill>
              <a:latin typeface="Arial Narrow" pitchFamily="34" charset="0"/>
              <a:ea typeface="+mn-ea"/>
              <a:cs typeface="+mn-cs"/>
            </a:rPr>
            <a:t> </a:t>
          </a:r>
          <a:r>
            <a:rPr lang="en-US" sz="1800" b="1" dirty="0">
              <a:solidFill>
                <a:srgbClr val="FFFFFF"/>
              </a:solidFill>
              <a:latin typeface="Arial Narrow" pitchFamily="34" charset="0"/>
              <a:ea typeface="+mn-ea"/>
              <a:cs typeface="+mn-cs"/>
            </a:rPr>
            <a:t>19</a:t>
          </a:r>
        </a:p>
      </dgm:t>
    </dgm:pt>
    <dgm:pt modelId="{9D150FA2-8432-49C5-B38E-787E3CF96EA9}" type="parTrans" cxnId="{B84EC5F2-2FF9-4735-A01B-A3305868D397}">
      <dgm:prSet/>
      <dgm:spPr/>
      <dgm:t>
        <a:bodyPr/>
        <a:lstStyle/>
        <a:p>
          <a:endParaRPr lang="en-US" sz="1800"/>
        </a:p>
      </dgm:t>
    </dgm:pt>
    <dgm:pt modelId="{07CF3653-ABA4-479F-B706-151B4A72A2AE}" type="sibTrans" cxnId="{B84EC5F2-2FF9-4735-A01B-A3305868D397}">
      <dgm:prSet/>
      <dgm:spPr/>
      <dgm:t>
        <a:bodyPr/>
        <a:lstStyle/>
        <a:p>
          <a:endParaRPr lang="en-US" sz="1800"/>
        </a:p>
      </dgm:t>
    </dgm:pt>
    <dgm:pt modelId="{0FC9A585-0B42-6544-A14F-CB3C71FFCB64}">
      <dgm:prSet custT="1"/>
      <dgm:spPr>
        <a:xfrm>
          <a:off x="3791054" y="0"/>
          <a:ext cx="2103000" cy="400109"/>
        </a:xfrm>
        <a:prstGeom prst="chevron">
          <a:avLst/>
        </a:prstGeom>
        <a:solidFill>
          <a:srgbClr val="0070C0"/>
        </a:solidFill>
        <a:ln w="25400" cap="flat" cmpd="sng" algn="ctr">
          <a:solidFill>
            <a:srgbClr val="FFFFFF">
              <a:hueOff val="0"/>
              <a:satOff val="0"/>
              <a:lumOff val="0"/>
              <a:alphaOff val="0"/>
            </a:srgbClr>
          </a:solidFill>
          <a:prstDash val="solid"/>
        </a:ln>
        <a:effectLst/>
      </dgm:spPr>
      <dgm:t>
        <a:bodyPr/>
        <a:lstStyle/>
        <a:p>
          <a:pPr>
            <a:buNone/>
          </a:pPr>
          <a:r>
            <a:rPr lang="en-US" sz="1800" b="1" dirty="0">
              <a:solidFill>
                <a:srgbClr val="FFFFFF"/>
              </a:solidFill>
              <a:latin typeface="Arial Narrow" pitchFamily="34" charset="0"/>
              <a:ea typeface="+mn-ea"/>
              <a:cs typeface="+mn-cs"/>
            </a:rPr>
            <a:t>Jan – Feb 20</a:t>
          </a:r>
        </a:p>
      </dgm:t>
    </dgm:pt>
    <dgm:pt modelId="{BDB1DA3F-8411-6344-891A-59728CA9AF50}" type="parTrans" cxnId="{28693482-28F2-FF45-985C-0FEDBFF97CB7}">
      <dgm:prSet/>
      <dgm:spPr/>
      <dgm:t>
        <a:bodyPr/>
        <a:lstStyle/>
        <a:p>
          <a:endParaRPr lang="en-US" sz="1800"/>
        </a:p>
      </dgm:t>
    </dgm:pt>
    <dgm:pt modelId="{0B92F040-6C81-6448-AEC2-0977284D2D0B}" type="sibTrans" cxnId="{28693482-28F2-FF45-985C-0FEDBFF97CB7}">
      <dgm:prSet/>
      <dgm:spPr/>
      <dgm:t>
        <a:bodyPr/>
        <a:lstStyle/>
        <a:p>
          <a:endParaRPr lang="en-US" sz="1800"/>
        </a:p>
      </dgm:t>
    </dgm:pt>
    <dgm:pt modelId="{6619D839-3013-624A-AB27-A5BC1AF0E6B6}">
      <dgm:prSet custT="1"/>
      <dgm:spPr>
        <a:xfrm>
          <a:off x="5653" y="0"/>
          <a:ext cx="2103000" cy="400109"/>
        </a:xfrm>
        <a:prstGeom prst="chevron">
          <a:avLst/>
        </a:prstGeom>
        <a:solidFill>
          <a:srgbClr val="0070C0"/>
        </a:solidFill>
        <a:ln w="25400" cap="flat" cmpd="sng" algn="ctr">
          <a:solidFill>
            <a:srgbClr val="FFFFFF">
              <a:hueOff val="0"/>
              <a:satOff val="0"/>
              <a:lumOff val="0"/>
              <a:alphaOff val="0"/>
            </a:srgbClr>
          </a:solidFill>
          <a:prstDash val="solid"/>
        </a:ln>
        <a:effectLst/>
      </dgm:spPr>
      <dgm:t>
        <a:bodyPr/>
        <a:lstStyle/>
        <a:p>
          <a:pPr>
            <a:buNone/>
          </a:pPr>
          <a:r>
            <a:rPr lang="en-US" sz="1800" b="1" dirty="0">
              <a:solidFill>
                <a:srgbClr val="FFFFFF"/>
              </a:solidFill>
              <a:latin typeface="Arial Narrow" pitchFamily="34" charset="0"/>
              <a:ea typeface="+mn-ea"/>
              <a:cs typeface="+mn-cs"/>
            </a:rPr>
            <a:t>Sep - Oct 19</a:t>
          </a:r>
        </a:p>
      </dgm:t>
    </dgm:pt>
    <dgm:pt modelId="{ABD1C151-4FEA-9241-9388-42E45ED4F317}" type="parTrans" cxnId="{21EEF4E1-E7C7-7F4E-8C43-858528CFF8D0}">
      <dgm:prSet/>
      <dgm:spPr/>
      <dgm:t>
        <a:bodyPr/>
        <a:lstStyle/>
        <a:p>
          <a:endParaRPr lang="en-US" sz="1800"/>
        </a:p>
      </dgm:t>
    </dgm:pt>
    <dgm:pt modelId="{0820C262-F578-454A-8E78-C7EABF785CC4}" type="sibTrans" cxnId="{21EEF4E1-E7C7-7F4E-8C43-858528CFF8D0}">
      <dgm:prSet/>
      <dgm:spPr/>
      <dgm:t>
        <a:bodyPr/>
        <a:lstStyle/>
        <a:p>
          <a:endParaRPr lang="en-US" sz="1800"/>
        </a:p>
      </dgm:t>
    </dgm:pt>
    <dgm:pt modelId="{53CA5412-BAFC-AC4C-86D8-14AE7C1225DD}">
      <dgm:prSet custT="1"/>
      <dgm:spPr>
        <a:xfrm>
          <a:off x="9469156" y="0"/>
          <a:ext cx="2103000" cy="400109"/>
        </a:xfrm>
        <a:prstGeom prst="chevron">
          <a:avLst/>
        </a:prstGeom>
        <a:solidFill>
          <a:srgbClr val="0070C0"/>
        </a:solidFill>
        <a:ln w="25400" cap="flat" cmpd="sng" algn="ctr">
          <a:solidFill>
            <a:srgbClr val="FFFFFF">
              <a:hueOff val="0"/>
              <a:satOff val="0"/>
              <a:lumOff val="0"/>
              <a:alphaOff val="0"/>
            </a:srgbClr>
          </a:solidFill>
          <a:prstDash val="solid"/>
        </a:ln>
        <a:effectLst/>
      </dgm:spPr>
      <dgm:t>
        <a:bodyPr/>
        <a:lstStyle/>
        <a:p>
          <a:pPr>
            <a:buNone/>
          </a:pPr>
          <a:r>
            <a:rPr lang="en-US" sz="1800" b="1" dirty="0">
              <a:solidFill>
                <a:srgbClr val="FFFFFF"/>
              </a:solidFill>
              <a:latin typeface="Arial Narrow" pitchFamily="34" charset="0"/>
              <a:ea typeface="+mn-ea"/>
              <a:cs typeface="+mn-cs"/>
            </a:rPr>
            <a:t>Jul – Sep 20</a:t>
          </a:r>
        </a:p>
      </dgm:t>
    </dgm:pt>
    <dgm:pt modelId="{9C84748C-D2A9-1246-AEC2-5546A5CCFA9A}" type="parTrans" cxnId="{4A88CA52-8C0D-0349-A31A-628BC20D2991}">
      <dgm:prSet/>
      <dgm:spPr/>
      <dgm:t>
        <a:bodyPr/>
        <a:lstStyle/>
        <a:p>
          <a:endParaRPr lang="en-US" sz="1800"/>
        </a:p>
      </dgm:t>
    </dgm:pt>
    <dgm:pt modelId="{4E3691C7-B14D-7349-8C26-4A3995CF0011}" type="sibTrans" cxnId="{4A88CA52-8C0D-0349-A31A-628BC20D2991}">
      <dgm:prSet/>
      <dgm:spPr/>
      <dgm:t>
        <a:bodyPr/>
        <a:lstStyle/>
        <a:p>
          <a:endParaRPr lang="en-US" sz="1800"/>
        </a:p>
      </dgm:t>
    </dgm:pt>
    <dgm:pt modelId="{E21B7ABA-DD15-4F74-87C0-16EBDF2459AF}" type="pres">
      <dgm:prSet presAssocID="{DED77FE9-76C1-4FC0-9374-70583476310E}" presName="Name0" presStyleCnt="0">
        <dgm:presLayoutVars>
          <dgm:dir/>
          <dgm:animLvl val="lvl"/>
          <dgm:resizeHandles val="exact"/>
        </dgm:presLayoutVars>
      </dgm:prSet>
      <dgm:spPr/>
    </dgm:pt>
    <dgm:pt modelId="{BE69385D-9BED-104F-BB61-BCEA367E1420}" type="pres">
      <dgm:prSet presAssocID="{6619D839-3013-624A-AB27-A5BC1AF0E6B6}" presName="parTxOnly" presStyleLbl="node1" presStyleIdx="0" presStyleCnt="6">
        <dgm:presLayoutVars>
          <dgm:chMax val="0"/>
          <dgm:chPref val="0"/>
          <dgm:bulletEnabled val="1"/>
        </dgm:presLayoutVars>
      </dgm:prSet>
      <dgm:spPr/>
    </dgm:pt>
    <dgm:pt modelId="{FD73315E-3668-054D-85B6-AB2CCDA8CCDC}" type="pres">
      <dgm:prSet presAssocID="{0820C262-F578-454A-8E78-C7EABF785CC4}" presName="parTxOnlySpace" presStyleCnt="0"/>
      <dgm:spPr/>
    </dgm:pt>
    <dgm:pt modelId="{FB982AC1-B3AC-4753-A526-584D2E98BEDA}" type="pres">
      <dgm:prSet presAssocID="{D3280703-9DEA-43C3-AAF4-648CDDF7AA24}" presName="parTxOnly" presStyleLbl="node1" presStyleIdx="1" presStyleCnt="6">
        <dgm:presLayoutVars>
          <dgm:chMax val="0"/>
          <dgm:chPref val="0"/>
          <dgm:bulletEnabled val="1"/>
        </dgm:presLayoutVars>
      </dgm:prSet>
      <dgm:spPr/>
    </dgm:pt>
    <dgm:pt modelId="{31819ACA-2BDA-4E99-8DD3-ED5019690E2F}" type="pres">
      <dgm:prSet presAssocID="{07CF3653-ABA4-479F-B706-151B4A72A2AE}" presName="parTxOnlySpace" presStyleCnt="0"/>
      <dgm:spPr/>
    </dgm:pt>
    <dgm:pt modelId="{1E7E085A-07B9-4340-ACFE-3EF05A29D1C8}" type="pres">
      <dgm:prSet presAssocID="{0FC9A585-0B42-6544-A14F-CB3C71FFCB64}" presName="parTxOnly" presStyleLbl="node1" presStyleIdx="2" presStyleCnt="6">
        <dgm:presLayoutVars>
          <dgm:chMax val="0"/>
          <dgm:chPref val="0"/>
          <dgm:bulletEnabled val="1"/>
        </dgm:presLayoutVars>
      </dgm:prSet>
      <dgm:spPr/>
    </dgm:pt>
    <dgm:pt modelId="{1442B65D-1EFB-284E-A121-5E575BA544D2}" type="pres">
      <dgm:prSet presAssocID="{0B92F040-6C81-6448-AEC2-0977284D2D0B}" presName="parTxOnlySpace" presStyleCnt="0"/>
      <dgm:spPr/>
    </dgm:pt>
    <dgm:pt modelId="{7AE9A9BE-33B9-4D7F-BAD0-2AF1B14AF664}" type="pres">
      <dgm:prSet presAssocID="{DD02D688-FB57-48FC-B8DF-B0F24D9916AA}" presName="parTxOnly" presStyleLbl="node1" presStyleIdx="3" presStyleCnt="6">
        <dgm:presLayoutVars>
          <dgm:chMax val="0"/>
          <dgm:chPref val="0"/>
          <dgm:bulletEnabled val="1"/>
        </dgm:presLayoutVars>
      </dgm:prSet>
      <dgm:spPr/>
    </dgm:pt>
    <dgm:pt modelId="{6680B8C6-4422-4279-9897-D1CCD8128F9E}" type="pres">
      <dgm:prSet presAssocID="{70A8742E-EBB8-4C59-950C-57B1BF9261E8}" presName="parTxOnlySpace" presStyleCnt="0"/>
      <dgm:spPr/>
    </dgm:pt>
    <dgm:pt modelId="{D13FD6DC-D36F-4861-AA3B-D1FEF1FA3926}" type="pres">
      <dgm:prSet presAssocID="{D14B6FA7-6658-4029-8372-5474CB9FFBA0}" presName="parTxOnly" presStyleLbl="node1" presStyleIdx="4" presStyleCnt="6">
        <dgm:presLayoutVars>
          <dgm:chMax val="0"/>
          <dgm:chPref val="0"/>
          <dgm:bulletEnabled val="1"/>
        </dgm:presLayoutVars>
      </dgm:prSet>
      <dgm:spPr/>
    </dgm:pt>
    <dgm:pt modelId="{07B5F688-5FA6-4035-A255-FAA86FB5BBE9}" type="pres">
      <dgm:prSet presAssocID="{7ACD4EF8-8ECA-43BF-9410-C05AB3793DF8}" presName="parTxOnlySpace" presStyleCnt="0"/>
      <dgm:spPr/>
    </dgm:pt>
    <dgm:pt modelId="{D3374F83-6051-E448-AAB2-1E9697DCE09B}" type="pres">
      <dgm:prSet presAssocID="{53CA5412-BAFC-AC4C-86D8-14AE7C1225DD}" presName="parTxOnly" presStyleLbl="node1" presStyleIdx="5" presStyleCnt="6">
        <dgm:presLayoutVars>
          <dgm:chMax val="0"/>
          <dgm:chPref val="0"/>
          <dgm:bulletEnabled val="1"/>
        </dgm:presLayoutVars>
      </dgm:prSet>
      <dgm:spPr/>
    </dgm:pt>
  </dgm:ptLst>
  <dgm:cxnLst>
    <dgm:cxn modelId="{4F6E230C-D270-3C46-AA77-C82A1160FE14}" type="presOf" srcId="{D14B6FA7-6658-4029-8372-5474CB9FFBA0}" destId="{D13FD6DC-D36F-4861-AA3B-D1FEF1FA3926}" srcOrd="0" destOrd="0" presId="urn:microsoft.com/office/officeart/2005/8/layout/chevron1"/>
    <dgm:cxn modelId="{83F0B540-67D0-9543-842B-C5AFA3B49095}" type="presOf" srcId="{DD02D688-FB57-48FC-B8DF-B0F24D9916AA}" destId="{7AE9A9BE-33B9-4D7F-BAD0-2AF1B14AF664}" srcOrd="0" destOrd="0" presId="urn:microsoft.com/office/officeart/2005/8/layout/chevron1"/>
    <dgm:cxn modelId="{AC3E0E5D-2F95-6843-A9FA-A314B5332C15}" type="presOf" srcId="{D3280703-9DEA-43C3-AAF4-648CDDF7AA24}" destId="{FB982AC1-B3AC-4753-A526-584D2E98BEDA}" srcOrd="0" destOrd="0" presId="urn:microsoft.com/office/officeart/2005/8/layout/chevron1"/>
    <dgm:cxn modelId="{ECDDDF69-668F-4EFF-A7AB-8A6FA2F25E15}" srcId="{DED77FE9-76C1-4FC0-9374-70583476310E}" destId="{D14B6FA7-6658-4029-8372-5474CB9FFBA0}" srcOrd="4" destOrd="0" parTransId="{0BFEFD74-9EDF-46CC-AD95-D73501AA7B7D}" sibTransId="{7ACD4EF8-8ECA-43BF-9410-C05AB3793DF8}"/>
    <dgm:cxn modelId="{4A88CA52-8C0D-0349-A31A-628BC20D2991}" srcId="{DED77FE9-76C1-4FC0-9374-70583476310E}" destId="{53CA5412-BAFC-AC4C-86D8-14AE7C1225DD}" srcOrd="5" destOrd="0" parTransId="{9C84748C-D2A9-1246-AEC2-5546A5CCFA9A}" sibTransId="{4E3691C7-B14D-7349-8C26-4A3995CF0011}"/>
    <dgm:cxn modelId="{28693482-28F2-FF45-985C-0FEDBFF97CB7}" srcId="{DED77FE9-76C1-4FC0-9374-70583476310E}" destId="{0FC9A585-0B42-6544-A14F-CB3C71FFCB64}" srcOrd="2" destOrd="0" parTransId="{BDB1DA3F-8411-6344-891A-59728CA9AF50}" sibTransId="{0B92F040-6C81-6448-AEC2-0977284D2D0B}"/>
    <dgm:cxn modelId="{E80DEFAC-A4E1-8340-A22D-A15BDFDD42C8}" type="presOf" srcId="{6619D839-3013-624A-AB27-A5BC1AF0E6B6}" destId="{BE69385D-9BED-104F-BB61-BCEA367E1420}" srcOrd="0" destOrd="0" presId="urn:microsoft.com/office/officeart/2005/8/layout/chevron1"/>
    <dgm:cxn modelId="{579400BA-975D-2849-A004-706BFB14AE17}" type="presOf" srcId="{53CA5412-BAFC-AC4C-86D8-14AE7C1225DD}" destId="{D3374F83-6051-E448-AAB2-1E9697DCE09B}" srcOrd="0" destOrd="0" presId="urn:microsoft.com/office/officeart/2005/8/layout/chevron1"/>
    <dgm:cxn modelId="{E4537FBC-69D8-FA41-8BDA-6A7789B6B213}" type="presOf" srcId="{DED77FE9-76C1-4FC0-9374-70583476310E}" destId="{E21B7ABA-DD15-4F74-87C0-16EBDF2459AF}" srcOrd="0" destOrd="0" presId="urn:microsoft.com/office/officeart/2005/8/layout/chevron1"/>
    <dgm:cxn modelId="{C056FED1-39AE-2F45-848F-47200113A181}" type="presOf" srcId="{0FC9A585-0B42-6544-A14F-CB3C71FFCB64}" destId="{1E7E085A-07B9-4340-ACFE-3EF05A29D1C8}" srcOrd="0" destOrd="0" presId="urn:microsoft.com/office/officeart/2005/8/layout/chevron1"/>
    <dgm:cxn modelId="{21EEF4E1-E7C7-7F4E-8C43-858528CFF8D0}" srcId="{DED77FE9-76C1-4FC0-9374-70583476310E}" destId="{6619D839-3013-624A-AB27-A5BC1AF0E6B6}" srcOrd="0" destOrd="0" parTransId="{ABD1C151-4FEA-9241-9388-42E45ED4F317}" sibTransId="{0820C262-F578-454A-8E78-C7EABF785CC4}"/>
    <dgm:cxn modelId="{35DAB5EA-50F7-4160-AFDC-1FBA048BEF3A}" srcId="{DED77FE9-76C1-4FC0-9374-70583476310E}" destId="{DD02D688-FB57-48FC-B8DF-B0F24D9916AA}" srcOrd="3" destOrd="0" parTransId="{ABC8F978-673A-4B60-B701-5C17B553A22D}" sibTransId="{70A8742E-EBB8-4C59-950C-57B1BF9261E8}"/>
    <dgm:cxn modelId="{B84EC5F2-2FF9-4735-A01B-A3305868D397}" srcId="{DED77FE9-76C1-4FC0-9374-70583476310E}" destId="{D3280703-9DEA-43C3-AAF4-648CDDF7AA24}" srcOrd="1" destOrd="0" parTransId="{9D150FA2-8432-49C5-B38E-787E3CF96EA9}" sibTransId="{07CF3653-ABA4-479F-B706-151B4A72A2AE}"/>
    <dgm:cxn modelId="{B358792E-300B-C542-BCBC-FC22F6055D23}" type="presParOf" srcId="{E21B7ABA-DD15-4F74-87C0-16EBDF2459AF}" destId="{BE69385D-9BED-104F-BB61-BCEA367E1420}" srcOrd="0" destOrd="0" presId="urn:microsoft.com/office/officeart/2005/8/layout/chevron1"/>
    <dgm:cxn modelId="{D6DBE829-F2F5-BA42-AC93-0BE66487603A}" type="presParOf" srcId="{E21B7ABA-DD15-4F74-87C0-16EBDF2459AF}" destId="{FD73315E-3668-054D-85B6-AB2CCDA8CCDC}" srcOrd="1" destOrd="0" presId="urn:microsoft.com/office/officeart/2005/8/layout/chevron1"/>
    <dgm:cxn modelId="{D1AC3D4E-18F5-A544-85C8-CA5E6215A562}" type="presParOf" srcId="{E21B7ABA-DD15-4F74-87C0-16EBDF2459AF}" destId="{FB982AC1-B3AC-4753-A526-584D2E98BEDA}" srcOrd="2" destOrd="0" presId="urn:microsoft.com/office/officeart/2005/8/layout/chevron1"/>
    <dgm:cxn modelId="{EE30391B-0F3D-DE43-83F4-A31034F0A298}" type="presParOf" srcId="{E21B7ABA-DD15-4F74-87C0-16EBDF2459AF}" destId="{31819ACA-2BDA-4E99-8DD3-ED5019690E2F}" srcOrd="3" destOrd="0" presId="urn:microsoft.com/office/officeart/2005/8/layout/chevron1"/>
    <dgm:cxn modelId="{A0F01C8B-F6BF-0046-9343-4C7E730DAF5D}" type="presParOf" srcId="{E21B7ABA-DD15-4F74-87C0-16EBDF2459AF}" destId="{1E7E085A-07B9-4340-ACFE-3EF05A29D1C8}" srcOrd="4" destOrd="0" presId="urn:microsoft.com/office/officeart/2005/8/layout/chevron1"/>
    <dgm:cxn modelId="{FD02F342-5E1A-FB46-88DB-B8C0F7414F78}" type="presParOf" srcId="{E21B7ABA-DD15-4F74-87C0-16EBDF2459AF}" destId="{1442B65D-1EFB-284E-A121-5E575BA544D2}" srcOrd="5" destOrd="0" presId="urn:microsoft.com/office/officeart/2005/8/layout/chevron1"/>
    <dgm:cxn modelId="{80544BA7-64AC-8348-BFD2-B5E3CBFB4A2F}" type="presParOf" srcId="{E21B7ABA-DD15-4F74-87C0-16EBDF2459AF}" destId="{7AE9A9BE-33B9-4D7F-BAD0-2AF1B14AF664}" srcOrd="6" destOrd="0" presId="urn:microsoft.com/office/officeart/2005/8/layout/chevron1"/>
    <dgm:cxn modelId="{7EEC8ECE-C6D9-C44E-B4EB-8BA09E7AA1A4}" type="presParOf" srcId="{E21B7ABA-DD15-4F74-87C0-16EBDF2459AF}" destId="{6680B8C6-4422-4279-9897-D1CCD8128F9E}" srcOrd="7" destOrd="0" presId="urn:microsoft.com/office/officeart/2005/8/layout/chevron1"/>
    <dgm:cxn modelId="{18D69D34-4170-554A-8BDA-FDE83DCB98B1}" type="presParOf" srcId="{E21B7ABA-DD15-4F74-87C0-16EBDF2459AF}" destId="{D13FD6DC-D36F-4861-AA3B-D1FEF1FA3926}" srcOrd="8" destOrd="0" presId="urn:microsoft.com/office/officeart/2005/8/layout/chevron1"/>
    <dgm:cxn modelId="{0F33837F-B265-564A-B361-3E60AAFE53A2}" type="presParOf" srcId="{E21B7ABA-DD15-4F74-87C0-16EBDF2459AF}" destId="{07B5F688-5FA6-4035-A255-FAA86FB5BBE9}" srcOrd="9" destOrd="0" presId="urn:microsoft.com/office/officeart/2005/8/layout/chevron1"/>
    <dgm:cxn modelId="{639D3677-4118-B04F-A789-6EAFF1104B7C}" type="presParOf" srcId="{E21B7ABA-DD15-4F74-87C0-16EBDF2459AF}" destId="{D3374F83-6051-E448-AAB2-1E9697DCE09B}" srcOrd="10" destOrd="0" presId="urn:microsoft.com/office/officeart/2005/8/layout/chevron1"/>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9DA5C83-E697-C644-A224-B204E7C1F372}" type="doc">
      <dgm:prSet loTypeId="urn:microsoft.com/office/officeart/2005/8/layout/hChevron3" loCatId="" qsTypeId="urn:microsoft.com/office/officeart/2005/8/quickstyle/simple1" qsCatId="simple" csTypeId="urn:microsoft.com/office/officeart/2005/8/colors/accent5_2" csCatId="accent5" phldr="1"/>
      <dgm:spPr/>
    </dgm:pt>
    <dgm:pt modelId="{20B0999D-E6D3-714B-BE55-BEE97E136276}">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1</a:t>
          </a:r>
        </a:p>
      </dgm:t>
    </dgm:pt>
    <dgm:pt modelId="{6896725A-E1D1-7D47-B4AC-21D1A90B8DAA}" type="parTrans" cxnId="{5BA6972F-8C97-CF48-B0C4-BB1FAE6CE9F1}">
      <dgm:prSet/>
      <dgm:spPr/>
      <dgm:t>
        <a:bodyPr/>
        <a:lstStyle/>
        <a:p>
          <a:endParaRPr lang="en-US" sz="1200" b="0" i="0">
            <a:latin typeface="Arial Narrow" panose="020B0604020202020204" pitchFamily="34" charset="0"/>
            <a:cs typeface="Arial Narrow" panose="020B0604020202020204" pitchFamily="34" charset="0"/>
          </a:endParaRPr>
        </a:p>
      </dgm:t>
    </dgm:pt>
    <dgm:pt modelId="{B5D434E1-AE70-F744-82BA-15F5A6FFE783}" type="sibTrans" cxnId="{5BA6972F-8C97-CF48-B0C4-BB1FAE6CE9F1}">
      <dgm:prSet/>
      <dgm:spPr/>
      <dgm:t>
        <a:bodyPr/>
        <a:lstStyle/>
        <a:p>
          <a:endParaRPr lang="en-US" sz="1200" b="0" i="0">
            <a:latin typeface="Arial Narrow" panose="020B0604020202020204" pitchFamily="34" charset="0"/>
            <a:cs typeface="Arial Narrow" panose="020B0604020202020204" pitchFamily="34" charset="0"/>
          </a:endParaRPr>
        </a:p>
      </dgm:t>
    </dgm:pt>
    <dgm:pt modelId="{4139CB2F-3023-4C48-A5DF-DC24779DD541}">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2</a:t>
          </a:r>
        </a:p>
      </dgm:t>
    </dgm:pt>
    <dgm:pt modelId="{C48BB0FD-E717-B14C-B8F8-F278BDF3AF2D}" type="parTrans" cxnId="{A4919121-F098-024D-88D1-399C10D1F66C}">
      <dgm:prSet/>
      <dgm:spPr/>
      <dgm:t>
        <a:bodyPr/>
        <a:lstStyle/>
        <a:p>
          <a:endParaRPr lang="en-US" sz="1200" b="0" i="0">
            <a:latin typeface="Arial Narrow" panose="020B0604020202020204" pitchFamily="34" charset="0"/>
            <a:cs typeface="Arial Narrow" panose="020B0604020202020204" pitchFamily="34" charset="0"/>
          </a:endParaRPr>
        </a:p>
      </dgm:t>
    </dgm:pt>
    <dgm:pt modelId="{880F9621-6589-8447-8497-8EF0736C2249}" type="sibTrans" cxnId="{A4919121-F098-024D-88D1-399C10D1F66C}">
      <dgm:prSet/>
      <dgm:spPr/>
      <dgm:t>
        <a:bodyPr/>
        <a:lstStyle/>
        <a:p>
          <a:endParaRPr lang="en-US" sz="1200" b="0" i="0">
            <a:latin typeface="Arial Narrow" panose="020B0604020202020204" pitchFamily="34" charset="0"/>
            <a:cs typeface="Arial Narrow" panose="020B0604020202020204" pitchFamily="34" charset="0"/>
          </a:endParaRPr>
        </a:p>
      </dgm:t>
    </dgm:pt>
    <dgm:pt modelId="{F418EC69-18D8-3042-969A-DD23FEF04CC9}">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4</a:t>
          </a:r>
        </a:p>
      </dgm:t>
    </dgm:pt>
    <dgm:pt modelId="{F301109F-D9E0-8343-9CFE-34E51CDAC69D}" type="parTrans" cxnId="{E4739767-6792-3546-9DC1-22AD5FAAA389}">
      <dgm:prSet/>
      <dgm:spPr/>
      <dgm:t>
        <a:bodyPr/>
        <a:lstStyle/>
        <a:p>
          <a:endParaRPr lang="en-US" sz="1200" b="0" i="0">
            <a:latin typeface="Arial Narrow" panose="020B0604020202020204" pitchFamily="34" charset="0"/>
            <a:cs typeface="Arial Narrow" panose="020B0604020202020204" pitchFamily="34" charset="0"/>
          </a:endParaRPr>
        </a:p>
      </dgm:t>
    </dgm:pt>
    <dgm:pt modelId="{E9FC1588-E4E6-C247-BD00-4629AE20E548}" type="sibTrans" cxnId="{E4739767-6792-3546-9DC1-22AD5FAAA389}">
      <dgm:prSet/>
      <dgm:spPr/>
      <dgm:t>
        <a:bodyPr/>
        <a:lstStyle/>
        <a:p>
          <a:endParaRPr lang="en-US" sz="1200" b="0" i="0">
            <a:latin typeface="Arial Narrow" panose="020B0604020202020204" pitchFamily="34" charset="0"/>
            <a:cs typeface="Arial Narrow" panose="020B0604020202020204" pitchFamily="34" charset="0"/>
          </a:endParaRPr>
        </a:p>
      </dgm:t>
    </dgm:pt>
    <dgm:pt modelId="{7B35BEBB-4391-B649-837A-52F6A97B9981}">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3</a:t>
          </a:r>
        </a:p>
      </dgm:t>
    </dgm:pt>
    <dgm:pt modelId="{9C7FA196-576C-2547-8CC2-26730B3FF5A6}" type="parTrans" cxnId="{BF32B742-C839-D04A-B7BA-AE3EB51A342E}">
      <dgm:prSet/>
      <dgm:spPr/>
      <dgm:t>
        <a:bodyPr/>
        <a:lstStyle/>
        <a:p>
          <a:endParaRPr lang="en-US" sz="1200" b="0" i="0">
            <a:latin typeface="Arial Narrow" panose="020B0604020202020204" pitchFamily="34" charset="0"/>
            <a:cs typeface="Arial Narrow" panose="020B0604020202020204" pitchFamily="34" charset="0"/>
          </a:endParaRPr>
        </a:p>
      </dgm:t>
    </dgm:pt>
    <dgm:pt modelId="{78FC36BC-D35B-6A4A-A2C2-AE7DAADF4484}" type="sibTrans" cxnId="{BF32B742-C839-D04A-B7BA-AE3EB51A342E}">
      <dgm:prSet/>
      <dgm:spPr/>
      <dgm:t>
        <a:bodyPr/>
        <a:lstStyle/>
        <a:p>
          <a:endParaRPr lang="en-US" sz="1200" b="0" i="0">
            <a:latin typeface="Arial Narrow" panose="020B0604020202020204" pitchFamily="34" charset="0"/>
            <a:cs typeface="Arial Narrow" panose="020B0604020202020204" pitchFamily="34" charset="0"/>
          </a:endParaRPr>
        </a:p>
      </dgm:t>
    </dgm:pt>
    <dgm:pt modelId="{686BC18E-4492-734B-85D3-865C2D7C278C}">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4</a:t>
          </a:r>
        </a:p>
      </dgm:t>
    </dgm:pt>
    <dgm:pt modelId="{BA86DED1-90D6-964C-ACA2-796B11BDF760}" type="parTrans" cxnId="{1009486D-6B1F-8247-86F1-E1254592698C}">
      <dgm:prSet/>
      <dgm:spPr/>
      <dgm:t>
        <a:bodyPr/>
        <a:lstStyle/>
        <a:p>
          <a:endParaRPr lang="en-US" sz="1200" b="0" i="0">
            <a:latin typeface="Arial Narrow" panose="020B0604020202020204" pitchFamily="34" charset="0"/>
            <a:cs typeface="Arial Narrow" panose="020B0604020202020204" pitchFamily="34" charset="0"/>
          </a:endParaRPr>
        </a:p>
      </dgm:t>
    </dgm:pt>
    <dgm:pt modelId="{EE32E65A-1374-8741-8B67-4B8B567B8970}" type="sibTrans" cxnId="{1009486D-6B1F-8247-86F1-E1254592698C}">
      <dgm:prSet/>
      <dgm:spPr/>
      <dgm:t>
        <a:bodyPr/>
        <a:lstStyle/>
        <a:p>
          <a:endParaRPr lang="en-US" sz="1200" b="0" i="0">
            <a:latin typeface="Arial Narrow" panose="020B0604020202020204" pitchFamily="34" charset="0"/>
            <a:cs typeface="Arial Narrow" panose="020B0604020202020204" pitchFamily="34" charset="0"/>
          </a:endParaRPr>
        </a:p>
      </dgm:t>
    </dgm:pt>
    <dgm:pt modelId="{25360988-A545-EC40-A22A-844B8C334D14}">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1</a:t>
          </a:r>
        </a:p>
      </dgm:t>
    </dgm:pt>
    <dgm:pt modelId="{7C21DD6B-F92F-0E41-96DA-FFA8302BC76E}" type="parTrans" cxnId="{DE73601F-2816-7744-98DA-2D9104A09A21}">
      <dgm:prSet/>
      <dgm:spPr/>
      <dgm:t>
        <a:bodyPr/>
        <a:lstStyle/>
        <a:p>
          <a:endParaRPr lang="en-US" sz="1200" b="0" i="0">
            <a:latin typeface="Arial Narrow" panose="020B0604020202020204" pitchFamily="34" charset="0"/>
            <a:cs typeface="Arial Narrow" panose="020B0604020202020204" pitchFamily="34" charset="0"/>
          </a:endParaRPr>
        </a:p>
      </dgm:t>
    </dgm:pt>
    <dgm:pt modelId="{74DB4BFD-3E53-3D4A-9653-12AC8EF53FEA}" type="sibTrans" cxnId="{DE73601F-2816-7744-98DA-2D9104A09A21}">
      <dgm:prSet/>
      <dgm:spPr/>
      <dgm:t>
        <a:bodyPr/>
        <a:lstStyle/>
        <a:p>
          <a:endParaRPr lang="en-US" sz="1200" b="0" i="0">
            <a:latin typeface="Arial Narrow" panose="020B0604020202020204" pitchFamily="34" charset="0"/>
            <a:cs typeface="Arial Narrow" panose="020B0604020202020204" pitchFamily="34" charset="0"/>
          </a:endParaRPr>
        </a:p>
      </dgm:t>
    </dgm:pt>
    <dgm:pt modelId="{E0A0824E-5F2A-E344-ADC9-76CA84C6E8BB}">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2</a:t>
          </a:r>
        </a:p>
      </dgm:t>
    </dgm:pt>
    <dgm:pt modelId="{FB863FC2-F50E-4140-BB1C-96976D0C4046}" type="parTrans" cxnId="{C43331F1-44CA-2F4C-BF7A-5A2426ED5453}">
      <dgm:prSet/>
      <dgm:spPr/>
      <dgm:t>
        <a:bodyPr/>
        <a:lstStyle/>
        <a:p>
          <a:endParaRPr lang="en-US" sz="1200" b="0" i="0">
            <a:latin typeface="Arial Narrow" panose="020B0604020202020204" pitchFamily="34" charset="0"/>
            <a:cs typeface="Arial Narrow" panose="020B0604020202020204" pitchFamily="34" charset="0"/>
          </a:endParaRPr>
        </a:p>
      </dgm:t>
    </dgm:pt>
    <dgm:pt modelId="{39E1D679-F926-B540-BD13-D388D5F2FC0E}" type="sibTrans" cxnId="{C43331F1-44CA-2F4C-BF7A-5A2426ED5453}">
      <dgm:prSet/>
      <dgm:spPr/>
      <dgm:t>
        <a:bodyPr/>
        <a:lstStyle/>
        <a:p>
          <a:endParaRPr lang="en-US" sz="1200" b="0" i="0">
            <a:latin typeface="Arial Narrow" panose="020B0604020202020204" pitchFamily="34" charset="0"/>
            <a:cs typeface="Arial Narrow" panose="020B0604020202020204" pitchFamily="34" charset="0"/>
          </a:endParaRPr>
        </a:p>
      </dgm:t>
    </dgm:pt>
    <dgm:pt modelId="{3A801BCB-9AFE-4690-BA94-86552EA1F751}">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3</a:t>
          </a:r>
        </a:p>
      </dgm:t>
    </dgm:pt>
    <dgm:pt modelId="{45DD5A5C-81DD-459D-A766-8240CAC3FD2B}" type="parTrans" cxnId="{FC9B3645-D91D-4AD8-B02C-7455DF2C444B}">
      <dgm:prSet/>
      <dgm:spPr/>
      <dgm:t>
        <a:bodyPr/>
        <a:lstStyle/>
        <a:p>
          <a:endParaRPr lang="en-US"/>
        </a:p>
      </dgm:t>
    </dgm:pt>
    <dgm:pt modelId="{F4308477-2126-4958-8B71-40256A31B656}" type="sibTrans" cxnId="{FC9B3645-D91D-4AD8-B02C-7455DF2C444B}">
      <dgm:prSet/>
      <dgm:spPr/>
      <dgm:t>
        <a:bodyPr/>
        <a:lstStyle/>
        <a:p>
          <a:endParaRPr lang="en-US"/>
        </a:p>
      </dgm:t>
    </dgm:pt>
    <dgm:pt modelId="{5034DD2A-204E-4101-B0FB-1722A75FBFD5}">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4</a:t>
          </a:r>
        </a:p>
      </dgm:t>
    </dgm:pt>
    <dgm:pt modelId="{AA547FC5-A4A6-4211-B82E-760C72EE8F3C}" type="parTrans" cxnId="{586EB56F-5333-42CD-9CEF-91840889B6A9}">
      <dgm:prSet/>
      <dgm:spPr/>
      <dgm:t>
        <a:bodyPr/>
        <a:lstStyle/>
        <a:p>
          <a:endParaRPr lang="en-US"/>
        </a:p>
      </dgm:t>
    </dgm:pt>
    <dgm:pt modelId="{96C69CA8-845B-4778-9D82-845299F74969}" type="sibTrans" cxnId="{586EB56F-5333-42CD-9CEF-91840889B6A9}">
      <dgm:prSet/>
      <dgm:spPr/>
      <dgm:t>
        <a:bodyPr/>
        <a:lstStyle/>
        <a:p>
          <a:endParaRPr lang="en-US"/>
        </a:p>
      </dgm:t>
    </dgm:pt>
    <dgm:pt modelId="{8828F88D-E72B-4314-A284-3AD36335082B}">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1</a:t>
          </a:r>
        </a:p>
      </dgm:t>
    </dgm:pt>
    <dgm:pt modelId="{7E588BD7-B74A-48F3-9C96-D003112B719D}" type="parTrans" cxnId="{B6734F53-15BC-4BDE-A141-6DD84DD04D41}">
      <dgm:prSet/>
      <dgm:spPr/>
      <dgm:t>
        <a:bodyPr/>
        <a:lstStyle/>
        <a:p>
          <a:endParaRPr lang="en-US"/>
        </a:p>
      </dgm:t>
    </dgm:pt>
    <dgm:pt modelId="{E066F436-439D-4872-9030-8BEB4F504133}" type="sibTrans" cxnId="{B6734F53-15BC-4BDE-A141-6DD84DD04D41}">
      <dgm:prSet/>
      <dgm:spPr/>
      <dgm:t>
        <a:bodyPr/>
        <a:lstStyle/>
        <a:p>
          <a:endParaRPr lang="en-US"/>
        </a:p>
      </dgm:t>
    </dgm:pt>
    <dgm:pt modelId="{8070B30C-545A-4972-B1AD-8D30C8FCCBE7}">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2</a:t>
          </a:r>
        </a:p>
      </dgm:t>
    </dgm:pt>
    <dgm:pt modelId="{92F17D98-D989-49F8-B006-1349FA0234DD}" type="parTrans" cxnId="{3849501F-B037-4D6C-A27F-6E5C0C589685}">
      <dgm:prSet/>
      <dgm:spPr/>
      <dgm:t>
        <a:bodyPr/>
        <a:lstStyle/>
        <a:p>
          <a:endParaRPr lang="en-US"/>
        </a:p>
      </dgm:t>
    </dgm:pt>
    <dgm:pt modelId="{D59A8089-8FCD-480B-AE56-1FB2905E837E}" type="sibTrans" cxnId="{3849501F-B037-4D6C-A27F-6E5C0C589685}">
      <dgm:prSet/>
      <dgm:spPr/>
      <dgm:t>
        <a:bodyPr/>
        <a:lstStyle/>
        <a:p>
          <a:endParaRPr lang="en-US"/>
        </a:p>
      </dgm:t>
    </dgm:pt>
    <dgm:pt modelId="{A204FC4B-8DC6-4E83-A982-7311ABC764AC}">
      <dgm:prSet phldrT="[Text]" custT="1"/>
      <dgm:spPr>
        <a:solidFill>
          <a:srgbClr val="0070C0"/>
        </a:solidFill>
      </dgm:spPr>
      <dgm:t>
        <a:bodyPr/>
        <a:lstStyle/>
        <a:p>
          <a:r>
            <a:rPr lang="en-US" sz="1200" b="0" i="0" dirty="0">
              <a:latin typeface="Arial Narrow" panose="020B0604020202020204" pitchFamily="34" charset="0"/>
              <a:cs typeface="Arial Narrow" panose="020B0604020202020204" pitchFamily="34" charset="0"/>
            </a:rPr>
            <a:t>Q3</a:t>
          </a:r>
        </a:p>
      </dgm:t>
    </dgm:pt>
    <dgm:pt modelId="{540FB76A-1C8E-4A74-AFE4-9B0420386201}" type="parTrans" cxnId="{845F60C3-5E63-40C3-BD02-EFEC1F6A1895}">
      <dgm:prSet/>
      <dgm:spPr/>
      <dgm:t>
        <a:bodyPr/>
        <a:lstStyle/>
        <a:p>
          <a:endParaRPr lang="en-US"/>
        </a:p>
      </dgm:t>
    </dgm:pt>
    <dgm:pt modelId="{5628D236-F730-4C1A-9508-5E07FA1BFE22}" type="sibTrans" cxnId="{845F60C3-5E63-40C3-BD02-EFEC1F6A1895}">
      <dgm:prSet/>
      <dgm:spPr/>
      <dgm:t>
        <a:bodyPr/>
        <a:lstStyle/>
        <a:p>
          <a:endParaRPr lang="en-US"/>
        </a:p>
      </dgm:t>
    </dgm:pt>
    <dgm:pt modelId="{A83A63A5-5AA9-C042-83AF-1F32194A41D9}" type="pres">
      <dgm:prSet presAssocID="{99DA5C83-E697-C644-A224-B204E7C1F372}" presName="Name0" presStyleCnt="0">
        <dgm:presLayoutVars>
          <dgm:dir/>
          <dgm:resizeHandles val="exact"/>
        </dgm:presLayoutVars>
      </dgm:prSet>
      <dgm:spPr/>
    </dgm:pt>
    <dgm:pt modelId="{4089C65F-438C-F144-A6C9-3C4B873D6CF6}" type="pres">
      <dgm:prSet presAssocID="{F418EC69-18D8-3042-969A-DD23FEF04CC9}" presName="parTxOnly" presStyleLbl="node1" presStyleIdx="0" presStyleCnt="12" custLinFactNeighborX="5660" custLinFactNeighborY="4181">
        <dgm:presLayoutVars>
          <dgm:bulletEnabled val="1"/>
        </dgm:presLayoutVars>
      </dgm:prSet>
      <dgm:spPr/>
    </dgm:pt>
    <dgm:pt modelId="{ADCF4A71-2D74-C346-AB96-A9F11A12C58C}" type="pres">
      <dgm:prSet presAssocID="{E9FC1588-E4E6-C247-BD00-4629AE20E548}" presName="parSpace" presStyleCnt="0"/>
      <dgm:spPr/>
    </dgm:pt>
    <dgm:pt modelId="{8F3D039B-C4D0-DB46-9B21-D21F6CE63FFC}" type="pres">
      <dgm:prSet presAssocID="{20B0999D-E6D3-714B-BE55-BEE97E136276}" presName="parTxOnly" presStyleLbl="node1" presStyleIdx="1" presStyleCnt="12" custLinFactNeighborX="5016" custLinFactNeighborY="1479">
        <dgm:presLayoutVars>
          <dgm:bulletEnabled val="1"/>
        </dgm:presLayoutVars>
      </dgm:prSet>
      <dgm:spPr/>
    </dgm:pt>
    <dgm:pt modelId="{21FD399A-A41A-854C-AC01-4D7E51121700}" type="pres">
      <dgm:prSet presAssocID="{B5D434E1-AE70-F744-82BA-15F5A6FFE783}" presName="parSpace" presStyleCnt="0"/>
      <dgm:spPr/>
    </dgm:pt>
    <dgm:pt modelId="{BA04F86B-C848-AF46-983A-343A69EB535A}" type="pres">
      <dgm:prSet presAssocID="{4139CB2F-3023-4C48-A5DF-DC24779DD541}" presName="parTxOnly" presStyleLbl="node1" presStyleIdx="2" presStyleCnt="12" custLinFactNeighborX="-1181" custLinFactNeighborY="73987">
        <dgm:presLayoutVars>
          <dgm:bulletEnabled val="1"/>
        </dgm:presLayoutVars>
      </dgm:prSet>
      <dgm:spPr/>
    </dgm:pt>
    <dgm:pt modelId="{7B20F86E-5F0C-8842-BDF2-32309E261743}" type="pres">
      <dgm:prSet presAssocID="{880F9621-6589-8447-8497-8EF0736C2249}" presName="parSpace" presStyleCnt="0"/>
      <dgm:spPr/>
    </dgm:pt>
    <dgm:pt modelId="{15C7B4E0-47E9-D04B-9010-626F7801D49D}" type="pres">
      <dgm:prSet presAssocID="{7B35BEBB-4391-B649-837A-52F6A97B9981}" presName="parTxOnly" presStyleLbl="node1" presStyleIdx="3" presStyleCnt="12">
        <dgm:presLayoutVars>
          <dgm:bulletEnabled val="1"/>
        </dgm:presLayoutVars>
      </dgm:prSet>
      <dgm:spPr/>
    </dgm:pt>
    <dgm:pt modelId="{EA7C6CB2-B194-834D-A546-8A690E0C73B4}" type="pres">
      <dgm:prSet presAssocID="{78FC36BC-D35B-6A4A-A2C2-AE7DAADF4484}" presName="parSpace" presStyleCnt="0"/>
      <dgm:spPr/>
    </dgm:pt>
    <dgm:pt modelId="{CFB562CE-FDA9-F546-A038-4FFD859AD598}" type="pres">
      <dgm:prSet presAssocID="{686BC18E-4492-734B-85D3-865C2D7C278C}" presName="parTxOnly" presStyleLbl="node1" presStyleIdx="4" presStyleCnt="12">
        <dgm:presLayoutVars>
          <dgm:bulletEnabled val="1"/>
        </dgm:presLayoutVars>
      </dgm:prSet>
      <dgm:spPr/>
    </dgm:pt>
    <dgm:pt modelId="{92AE5DDE-DAD6-F045-AC08-D0C10A74C927}" type="pres">
      <dgm:prSet presAssocID="{EE32E65A-1374-8741-8B67-4B8B567B8970}" presName="parSpace" presStyleCnt="0"/>
      <dgm:spPr/>
    </dgm:pt>
    <dgm:pt modelId="{1C8E7F3B-8C9C-EF4E-8512-BA574C520F6F}" type="pres">
      <dgm:prSet presAssocID="{25360988-A545-EC40-A22A-844B8C334D14}" presName="parTxOnly" presStyleLbl="node1" presStyleIdx="5" presStyleCnt="12">
        <dgm:presLayoutVars>
          <dgm:bulletEnabled val="1"/>
        </dgm:presLayoutVars>
      </dgm:prSet>
      <dgm:spPr/>
    </dgm:pt>
    <dgm:pt modelId="{D34D7D3A-6160-3D4E-9DC2-3E5F5F909F4A}" type="pres">
      <dgm:prSet presAssocID="{74DB4BFD-3E53-3D4A-9653-12AC8EF53FEA}" presName="parSpace" presStyleCnt="0"/>
      <dgm:spPr/>
    </dgm:pt>
    <dgm:pt modelId="{16FFF9B4-62C9-5B4F-87D7-DA5B93121006}" type="pres">
      <dgm:prSet presAssocID="{E0A0824E-5F2A-E344-ADC9-76CA84C6E8BB}" presName="parTxOnly" presStyleLbl="node1" presStyleIdx="6" presStyleCnt="12">
        <dgm:presLayoutVars>
          <dgm:bulletEnabled val="1"/>
        </dgm:presLayoutVars>
      </dgm:prSet>
      <dgm:spPr/>
    </dgm:pt>
    <dgm:pt modelId="{DCD92668-22C5-4911-BD2D-C6DEB84018DE}" type="pres">
      <dgm:prSet presAssocID="{39E1D679-F926-B540-BD13-D388D5F2FC0E}" presName="parSpace" presStyleCnt="0"/>
      <dgm:spPr/>
    </dgm:pt>
    <dgm:pt modelId="{4BE2E066-F02B-43B5-A7A0-60B2A233BAE1}" type="pres">
      <dgm:prSet presAssocID="{3A801BCB-9AFE-4690-BA94-86552EA1F751}" presName="parTxOnly" presStyleLbl="node1" presStyleIdx="7" presStyleCnt="12">
        <dgm:presLayoutVars>
          <dgm:bulletEnabled val="1"/>
        </dgm:presLayoutVars>
      </dgm:prSet>
      <dgm:spPr/>
    </dgm:pt>
    <dgm:pt modelId="{5B53124F-B014-4974-A9C6-4211649ABEE7}" type="pres">
      <dgm:prSet presAssocID="{F4308477-2126-4958-8B71-40256A31B656}" presName="parSpace" presStyleCnt="0"/>
      <dgm:spPr/>
    </dgm:pt>
    <dgm:pt modelId="{3DDAD129-12AF-428F-9D0E-4A070F8CD78A}" type="pres">
      <dgm:prSet presAssocID="{5034DD2A-204E-4101-B0FB-1722A75FBFD5}" presName="parTxOnly" presStyleLbl="node1" presStyleIdx="8" presStyleCnt="12" custLinFactNeighborY="1351">
        <dgm:presLayoutVars>
          <dgm:bulletEnabled val="1"/>
        </dgm:presLayoutVars>
      </dgm:prSet>
      <dgm:spPr/>
    </dgm:pt>
    <dgm:pt modelId="{6D2EE47E-42D6-46B7-8FFF-646EE77E8FD8}" type="pres">
      <dgm:prSet presAssocID="{96C69CA8-845B-4778-9D82-845299F74969}" presName="parSpace" presStyleCnt="0"/>
      <dgm:spPr/>
    </dgm:pt>
    <dgm:pt modelId="{49B042B1-DD45-4AD3-A1B6-7F677EFE3847}" type="pres">
      <dgm:prSet presAssocID="{8828F88D-E72B-4314-A284-3AD36335082B}" presName="parTxOnly" presStyleLbl="node1" presStyleIdx="9" presStyleCnt="12">
        <dgm:presLayoutVars>
          <dgm:bulletEnabled val="1"/>
        </dgm:presLayoutVars>
      </dgm:prSet>
      <dgm:spPr/>
    </dgm:pt>
    <dgm:pt modelId="{E8BDED8B-6CE3-4F5B-9DF8-2EE4F973804D}" type="pres">
      <dgm:prSet presAssocID="{E066F436-439D-4872-9030-8BEB4F504133}" presName="parSpace" presStyleCnt="0"/>
      <dgm:spPr/>
    </dgm:pt>
    <dgm:pt modelId="{08ABCCB6-54EC-411C-90DC-425119D53FF4}" type="pres">
      <dgm:prSet presAssocID="{8070B30C-545A-4972-B1AD-8D30C8FCCBE7}" presName="parTxOnly" presStyleLbl="node1" presStyleIdx="10" presStyleCnt="12">
        <dgm:presLayoutVars>
          <dgm:bulletEnabled val="1"/>
        </dgm:presLayoutVars>
      </dgm:prSet>
      <dgm:spPr/>
    </dgm:pt>
    <dgm:pt modelId="{C092EC7C-811F-4782-ADB5-5A1C60290C89}" type="pres">
      <dgm:prSet presAssocID="{D59A8089-8FCD-480B-AE56-1FB2905E837E}" presName="parSpace" presStyleCnt="0"/>
      <dgm:spPr/>
    </dgm:pt>
    <dgm:pt modelId="{BDA47CC8-4DED-4E40-B14E-77216463017E}" type="pres">
      <dgm:prSet presAssocID="{A204FC4B-8DC6-4E83-A982-7311ABC764AC}" presName="parTxOnly" presStyleLbl="node1" presStyleIdx="11" presStyleCnt="12">
        <dgm:presLayoutVars>
          <dgm:bulletEnabled val="1"/>
        </dgm:presLayoutVars>
      </dgm:prSet>
      <dgm:spPr/>
    </dgm:pt>
  </dgm:ptLst>
  <dgm:cxnLst>
    <dgm:cxn modelId="{FAA0900C-AB7E-438E-8CF4-5E285EC714BD}" type="presOf" srcId="{8828F88D-E72B-4314-A284-3AD36335082B}" destId="{49B042B1-DD45-4AD3-A1B6-7F677EFE3847}" srcOrd="0" destOrd="0" presId="urn:microsoft.com/office/officeart/2005/8/layout/hChevron3"/>
    <dgm:cxn modelId="{CA60171B-E74F-4FE1-9C7D-62211636D7B6}" type="presOf" srcId="{7B35BEBB-4391-B649-837A-52F6A97B9981}" destId="{15C7B4E0-47E9-D04B-9010-626F7801D49D}" srcOrd="0" destOrd="0" presId="urn:microsoft.com/office/officeart/2005/8/layout/hChevron3"/>
    <dgm:cxn modelId="{DE73601F-2816-7744-98DA-2D9104A09A21}" srcId="{99DA5C83-E697-C644-A224-B204E7C1F372}" destId="{25360988-A545-EC40-A22A-844B8C334D14}" srcOrd="5" destOrd="0" parTransId="{7C21DD6B-F92F-0E41-96DA-FFA8302BC76E}" sibTransId="{74DB4BFD-3E53-3D4A-9653-12AC8EF53FEA}"/>
    <dgm:cxn modelId="{3849501F-B037-4D6C-A27F-6E5C0C589685}" srcId="{99DA5C83-E697-C644-A224-B204E7C1F372}" destId="{8070B30C-545A-4972-B1AD-8D30C8FCCBE7}" srcOrd="10" destOrd="0" parTransId="{92F17D98-D989-49F8-B006-1349FA0234DD}" sibTransId="{D59A8089-8FCD-480B-AE56-1FB2905E837E}"/>
    <dgm:cxn modelId="{A4919121-F098-024D-88D1-399C10D1F66C}" srcId="{99DA5C83-E697-C644-A224-B204E7C1F372}" destId="{4139CB2F-3023-4C48-A5DF-DC24779DD541}" srcOrd="2" destOrd="0" parTransId="{C48BB0FD-E717-B14C-B8F8-F278BDF3AF2D}" sibTransId="{880F9621-6589-8447-8497-8EF0736C2249}"/>
    <dgm:cxn modelId="{7B502A28-2F61-4137-BD03-9018C4FC51EE}" type="presOf" srcId="{686BC18E-4492-734B-85D3-865C2D7C278C}" destId="{CFB562CE-FDA9-F546-A038-4FFD859AD598}" srcOrd="0" destOrd="0" presId="urn:microsoft.com/office/officeart/2005/8/layout/hChevron3"/>
    <dgm:cxn modelId="{5BA6972F-8C97-CF48-B0C4-BB1FAE6CE9F1}" srcId="{99DA5C83-E697-C644-A224-B204E7C1F372}" destId="{20B0999D-E6D3-714B-BE55-BEE97E136276}" srcOrd="1" destOrd="0" parTransId="{6896725A-E1D1-7D47-B4AC-21D1A90B8DAA}" sibTransId="{B5D434E1-AE70-F744-82BA-15F5A6FFE783}"/>
    <dgm:cxn modelId="{FD1CA73B-FDC4-4FBA-971F-914490C3C3DD}" type="presOf" srcId="{3A801BCB-9AFE-4690-BA94-86552EA1F751}" destId="{4BE2E066-F02B-43B5-A7A0-60B2A233BAE1}" srcOrd="0" destOrd="0" presId="urn:microsoft.com/office/officeart/2005/8/layout/hChevron3"/>
    <dgm:cxn modelId="{2F4F9C3C-9F17-45A8-A7ED-55D059DFA2D5}" type="presOf" srcId="{4139CB2F-3023-4C48-A5DF-DC24779DD541}" destId="{BA04F86B-C848-AF46-983A-343A69EB535A}" srcOrd="0" destOrd="0" presId="urn:microsoft.com/office/officeart/2005/8/layout/hChevron3"/>
    <dgm:cxn modelId="{BF32B742-C839-D04A-B7BA-AE3EB51A342E}" srcId="{99DA5C83-E697-C644-A224-B204E7C1F372}" destId="{7B35BEBB-4391-B649-837A-52F6A97B9981}" srcOrd="3" destOrd="0" parTransId="{9C7FA196-576C-2547-8CC2-26730B3FF5A6}" sibTransId="{78FC36BC-D35B-6A4A-A2C2-AE7DAADF4484}"/>
    <dgm:cxn modelId="{FC9B3645-D91D-4AD8-B02C-7455DF2C444B}" srcId="{99DA5C83-E697-C644-A224-B204E7C1F372}" destId="{3A801BCB-9AFE-4690-BA94-86552EA1F751}" srcOrd="7" destOrd="0" parTransId="{45DD5A5C-81DD-459D-A766-8240CAC3FD2B}" sibTransId="{F4308477-2126-4958-8B71-40256A31B656}"/>
    <dgm:cxn modelId="{E4739767-6792-3546-9DC1-22AD5FAAA389}" srcId="{99DA5C83-E697-C644-A224-B204E7C1F372}" destId="{F418EC69-18D8-3042-969A-DD23FEF04CC9}" srcOrd="0" destOrd="0" parTransId="{F301109F-D9E0-8343-9CFE-34E51CDAC69D}" sibTransId="{E9FC1588-E4E6-C247-BD00-4629AE20E548}"/>
    <dgm:cxn modelId="{1009486D-6B1F-8247-86F1-E1254592698C}" srcId="{99DA5C83-E697-C644-A224-B204E7C1F372}" destId="{686BC18E-4492-734B-85D3-865C2D7C278C}" srcOrd="4" destOrd="0" parTransId="{BA86DED1-90D6-964C-ACA2-796B11BDF760}" sibTransId="{EE32E65A-1374-8741-8B67-4B8B567B8970}"/>
    <dgm:cxn modelId="{586EB56F-5333-42CD-9CEF-91840889B6A9}" srcId="{99DA5C83-E697-C644-A224-B204E7C1F372}" destId="{5034DD2A-204E-4101-B0FB-1722A75FBFD5}" srcOrd="8" destOrd="0" parTransId="{AA547FC5-A4A6-4211-B82E-760C72EE8F3C}" sibTransId="{96C69CA8-845B-4778-9D82-845299F74969}"/>
    <dgm:cxn modelId="{B6734F53-15BC-4BDE-A141-6DD84DD04D41}" srcId="{99DA5C83-E697-C644-A224-B204E7C1F372}" destId="{8828F88D-E72B-4314-A284-3AD36335082B}" srcOrd="9" destOrd="0" parTransId="{7E588BD7-B74A-48F3-9C96-D003112B719D}" sibTransId="{E066F436-439D-4872-9030-8BEB4F504133}"/>
    <dgm:cxn modelId="{FDD48057-5185-4B1E-9F09-1B68EFA77C9B}" type="presOf" srcId="{5034DD2A-204E-4101-B0FB-1722A75FBFD5}" destId="{3DDAD129-12AF-428F-9D0E-4A070F8CD78A}" srcOrd="0" destOrd="0" presId="urn:microsoft.com/office/officeart/2005/8/layout/hChevron3"/>
    <dgm:cxn modelId="{A4377087-29A1-45AF-A8B5-D4A65AA63B89}" type="presOf" srcId="{99DA5C83-E697-C644-A224-B204E7C1F372}" destId="{A83A63A5-5AA9-C042-83AF-1F32194A41D9}" srcOrd="0" destOrd="0" presId="urn:microsoft.com/office/officeart/2005/8/layout/hChevron3"/>
    <dgm:cxn modelId="{26581BAD-6D22-4227-84B7-79E603714E78}" type="presOf" srcId="{E0A0824E-5F2A-E344-ADC9-76CA84C6E8BB}" destId="{16FFF9B4-62C9-5B4F-87D7-DA5B93121006}" srcOrd="0" destOrd="0" presId="urn:microsoft.com/office/officeart/2005/8/layout/hChevron3"/>
    <dgm:cxn modelId="{E5646EB3-BAD3-438E-B635-006B27600CB1}" type="presOf" srcId="{20B0999D-E6D3-714B-BE55-BEE97E136276}" destId="{8F3D039B-C4D0-DB46-9B21-D21F6CE63FFC}" srcOrd="0" destOrd="0" presId="urn:microsoft.com/office/officeart/2005/8/layout/hChevron3"/>
    <dgm:cxn modelId="{8F727CBC-7F14-43A7-8DD1-95DF00992951}" type="presOf" srcId="{8070B30C-545A-4972-B1AD-8D30C8FCCBE7}" destId="{08ABCCB6-54EC-411C-90DC-425119D53FF4}" srcOrd="0" destOrd="0" presId="urn:microsoft.com/office/officeart/2005/8/layout/hChevron3"/>
    <dgm:cxn modelId="{52B41CBD-8D37-44AE-8858-67F6D6C6237A}" type="presOf" srcId="{A204FC4B-8DC6-4E83-A982-7311ABC764AC}" destId="{BDA47CC8-4DED-4E40-B14E-77216463017E}" srcOrd="0" destOrd="0" presId="urn:microsoft.com/office/officeart/2005/8/layout/hChevron3"/>
    <dgm:cxn modelId="{845F60C3-5E63-40C3-BD02-EFEC1F6A1895}" srcId="{99DA5C83-E697-C644-A224-B204E7C1F372}" destId="{A204FC4B-8DC6-4E83-A982-7311ABC764AC}" srcOrd="11" destOrd="0" parTransId="{540FB76A-1C8E-4A74-AFE4-9B0420386201}" sibTransId="{5628D236-F730-4C1A-9508-5E07FA1BFE22}"/>
    <dgm:cxn modelId="{C43331F1-44CA-2F4C-BF7A-5A2426ED5453}" srcId="{99DA5C83-E697-C644-A224-B204E7C1F372}" destId="{E0A0824E-5F2A-E344-ADC9-76CA84C6E8BB}" srcOrd="6" destOrd="0" parTransId="{FB863FC2-F50E-4140-BB1C-96976D0C4046}" sibTransId="{39E1D679-F926-B540-BD13-D388D5F2FC0E}"/>
    <dgm:cxn modelId="{015524FC-213A-497C-B426-B60AF48B849E}" type="presOf" srcId="{F418EC69-18D8-3042-969A-DD23FEF04CC9}" destId="{4089C65F-438C-F144-A6C9-3C4B873D6CF6}" srcOrd="0" destOrd="0" presId="urn:microsoft.com/office/officeart/2005/8/layout/hChevron3"/>
    <dgm:cxn modelId="{96AB38FC-D69E-4512-A618-00F384974699}" type="presOf" srcId="{25360988-A545-EC40-A22A-844B8C334D14}" destId="{1C8E7F3B-8C9C-EF4E-8512-BA574C520F6F}" srcOrd="0" destOrd="0" presId="urn:microsoft.com/office/officeart/2005/8/layout/hChevron3"/>
    <dgm:cxn modelId="{6CA17BE6-16E3-4ABE-A496-AF506EEEA7E9}" type="presParOf" srcId="{A83A63A5-5AA9-C042-83AF-1F32194A41D9}" destId="{4089C65F-438C-F144-A6C9-3C4B873D6CF6}" srcOrd="0" destOrd="0" presId="urn:microsoft.com/office/officeart/2005/8/layout/hChevron3"/>
    <dgm:cxn modelId="{B212C3C0-21B8-4751-A9ED-BCFB7A592FE0}" type="presParOf" srcId="{A83A63A5-5AA9-C042-83AF-1F32194A41D9}" destId="{ADCF4A71-2D74-C346-AB96-A9F11A12C58C}" srcOrd="1" destOrd="0" presId="urn:microsoft.com/office/officeart/2005/8/layout/hChevron3"/>
    <dgm:cxn modelId="{09F7C198-5F8A-49BC-9506-9FA6558C681A}" type="presParOf" srcId="{A83A63A5-5AA9-C042-83AF-1F32194A41D9}" destId="{8F3D039B-C4D0-DB46-9B21-D21F6CE63FFC}" srcOrd="2" destOrd="0" presId="urn:microsoft.com/office/officeart/2005/8/layout/hChevron3"/>
    <dgm:cxn modelId="{EDD7BC14-3749-4028-A7C1-E6D29F848BEB}" type="presParOf" srcId="{A83A63A5-5AA9-C042-83AF-1F32194A41D9}" destId="{21FD399A-A41A-854C-AC01-4D7E51121700}" srcOrd="3" destOrd="0" presId="urn:microsoft.com/office/officeart/2005/8/layout/hChevron3"/>
    <dgm:cxn modelId="{863CAE77-2319-458D-91A4-9150C582AFBA}" type="presParOf" srcId="{A83A63A5-5AA9-C042-83AF-1F32194A41D9}" destId="{BA04F86B-C848-AF46-983A-343A69EB535A}" srcOrd="4" destOrd="0" presId="urn:microsoft.com/office/officeart/2005/8/layout/hChevron3"/>
    <dgm:cxn modelId="{AE2F5E58-EA44-4496-ADF5-DEAD58886105}" type="presParOf" srcId="{A83A63A5-5AA9-C042-83AF-1F32194A41D9}" destId="{7B20F86E-5F0C-8842-BDF2-32309E261743}" srcOrd="5" destOrd="0" presId="urn:microsoft.com/office/officeart/2005/8/layout/hChevron3"/>
    <dgm:cxn modelId="{C652AA92-BA80-4F7C-92B6-A21DF806AB6E}" type="presParOf" srcId="{A83A63A5-5AA9-C042-83AF-1F32194A41D9}" destId="{15C7B4E0-47E9-D04B-9010-626F7801D49D}" srcOrd="6" destOrd="0" presId="urn:microsoft.com/office/officeart/2005/8/layout/hChevron3"/>
    <dgm:cxn modelId="{0E8FC07D-D79C-439E-93B7-C40FFF22062F}" type="presParOf" srcId="{A83A63A5-5AA9-C042-83AF-1F32194A41D9}" destId="{EA7C6CB2-B194-834D-A546-8A690E0C73B4}" srcOrd="7" destOrd="0" presId="urn:microsoft.com/office/officeart/2005/8/layout/hChevron3"/>
    <dgm:cxn modelId="{1395D248-6F25-411E-9572-E6FA98ACC72B}" type="presParOf" srcId="{A83A63A5-5AA9-C042-83AF-1F32194A41D9}" destId="{CFB562CE-FDA9-F546-A038-4FFD859AD598}" srcOrd="8" destOrd="0" presId="urn:microsoft.com/office/officeart/2005/8/layout/hChevron3"/>
    <dgm:cxn modelId="{8987B610-96A4-48A5-9A7A-BF00165B02AB}" type="presParOf" srcId="{A83A63A5-5AA9-C042-83AF-1F32194A41D9}" destId="{92AE5DDE-DAD6-F045-AC08-D0C10A74C927}" srcOrd="9" destOrd="0" presId="urn:microsoft.com/office/officeart/2005/8/layout/hChevron3"/>
    <dgm:cxn modelId="{B3607121-97DB-4BD6-B080-523065AAE799}" type="presParOf" srcId="{A83A63A5-5AA9-C042-83AF-1F32194A41D9}" destId="{1C8E7F3B-8C9C-EF4E-8512-BA574C520F6F}" srcOrd="10" destOrd="0" presId="urn:microsoft.com/office/officeart/2005/8/layout/hChevron3"/>
    <dgm:cxn modelId="{60290E1C-27DC-4586-8414-EB633415EA80}" type="presParOf" srcId="{A83A63A5-5AA9-C042-83AF-1F32194A41D9}" destId="{D34D7D3A-6160-3D4E-9DC2-3E5F5F909F4A}" srcOrd="11" destOrd="0" presId="urn:microsoft.com/office/officeart/2005/8/layout/hChevron3"/>
    <dgm:cxn modelId="{CBDED45E-C371-43BC-894D-FFF99DA950C8}" type="presParOf" srcId="{A83A63A5-5AA9-C042-83AF-1F32194A41D9}" destId="{16FFF9B4-62C9-5B4F-87D7-DA5B93121006}" srcOrd="12" destOrd="0" presId="urn:microsoft.com/office/officeart/2005/8/layout/hChevron3"/>
    <dgm:cxn modelId="{7443F6C5-107D-4CE6-890B-A5C2F076CEB1}" type="presParOf" srcId="{A83A63A5-5AA9-C042-83AF-1F32194A41D9}" destId="{DCD92668-22C5-4911-BD2D-C6DEB84018DE}" srcOrd="13" destOrd="0" presId="urn:microsoft.com/office/officeart/2005/8/layout/hChevron3"/>
    <dgm:cxn modelId="{2D2D762D-0DA0-4B59-9356-C991495BBA5C}" type="presParOf" srcId="{A83A63A5-5AA9-C042-83AF-1F32194A41D9}" destId="{4BE2E066-F02B-43B5-A7A0-60B2A233BAE1}" srcOrd="14" destOrd="0" presId="urn:microsoft.com/office/officeart/2005/8/layout/hChevron3"/>
    <dgm:cxn modelId="{218984B7-1003-4733-AB74-C9B7EA62CE4C}" type="presParOf" srcId="{A83A63A5-5AA9-C042-83AF-1F32194A41D9}" destId="{5B53124F-B014-4974-A9C6-4211649ABEE7}" srcOrd="15" destOrd="0" presId="urn:microsoft.com/office/officeart/2005/8/layout/hChevron3"/>
    <dgm:cxn modelId="{93373863-32BD-49AF-981D-5D0D21495043}" type="presParOf" srcId="{A83A63A5-5AA9-C042-83AF-1F32194A41D9}" destId="{3DDAD129-12AF-428F-9D0E-4A070F8CD78A}" srcOrd="16" destOrd="0" presId="urn:microsoft.com/office/officeart/2005/8/layout/hChevron3"/>
    <dgm:cxn modelId="{B99D1912-62D7-44C7-B927-DC1073A034FF}" type="presParOf" srcId="{A83A63A5-5AA9-C042-83AF-1F32194A41D9}" destId="{6D2EE47E-42D6-46B7-8FFF-646EE77E8FD8}" srcOrd="17" destOrd="0" presId="urn:microsoft.com/office/officeart/2005/8/layout/hChevron3"/>
    <dgm:cxn modelId="{BAA22B20-9FBF-4BB6-BD47-67B37CF13FA9}" type="presParOf" srcId="{A83A63A5-5AA9-C042-83AF-1F32194A41D9}" destId="{49B042B1-DD45-4AD3-A1B6-7F677EFE3847}" srcOrd="18" destOrd="0" presId="urn:microsoft.com/office/officeart/2005/8/layout/hChevron3"/>
    <dgm:cxn modelId="{0B849A0A-EDE7-4EDB-8133-C388B7AEA2A4}" type="presParOf" srcId="{A83A63A5-5AA9-C042-83AF-1F32194A41D9}" destId="{E8BDED8B-6CE3-4F5B-9DF8-2EE4F973804D}" srcOrd="19" destOrd="0" presId="urn:microsoft.com/office/officeart/2005/8/layout/hChevron3"/>
    <dgm:cxn modelId="{F07C906B-7B16-4636-8633-78038A3AD1D5}" type="presParOf" srcId="{A83A63A5-5AA9-C042-83AF-1F32194A41D9}" destId="{08ABCCB6-54EC-411C-90DC-425119D53FF4}" srcOrd="20" destOrd="0" presId="urn:microsoft.com/office/officeart/2005/8/layout/hChevron3"/>
    <dgm:cxn modelId="{031444FD-DB09-4C32-9AA3-D31F965B9A93}" type="presParOf" srcId="{A83A63A5-5AA9-C042-83AF-1F32194A41D9}" destId="{C092EC7C-811F-4782-ADB5-5A1C60290C89}" srcOrd="21" destOrd="0" presId="urn:microsoft.com/office/officeart/2005/8/layout/hChevron3"/>
    <dgm:cxn modelId="{64434B10-9B02-4A14-B30A-F16F00B58985}" type="presParOf" srcId="{A83A63A5-5AA9-C042-83AF-1F32194A41D9}" destId="{BDA47CC8-4DED-4E40-B14E-77216463017E}" srcOrd="22" destOrd="0" presId="urn:microsoft.com/office/officeart/2005/8/layout/hChevron3"/>
  </dgm:cxnLst>
  <dgm:bg>
    <a:solidFill>
      <a:srgbClr val="0070C0"/>
    </a:solidFill>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D522E63-09AB-47D4-9DE8-096A69D16B49}">
      <dsp:nvSpPr>
        <dsp:cNvPr id="0" name=""/>
        <dsp:cNvSpPr/>
      </dsp:nvSpPr>
      <dsp:spPr>
        <a:xfrm>
          <a:off x="0" y="443383"/>
          <a:ext cx="11738091" cy="591178"/>
        </a:xfrm>
        <a:prstGeom prst="notchedRightArrow">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4063CA27-3CED-4222-AA6A-EF4B5A76A445}">
      <dsp:nvSpPr>
        <dsp:cNvPr id="0" name=""/>
        <dsp:cNvSpPr/>
      </dsp:nvSpPr>
      <dsp:spPr>
        <a:xfrm>
          <a:off x="2579" y="0"/>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b"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March</a:t>
          </a:r>
        </a:p>
      </dsp:txBody>
      <dsp:txXfrm>
        <a:off x="2579" y="0"/>
        <a:ext cx="918184" cy="591178"/>
      </dsp:txXfrm>
    </dsp:sp>
    <dsp:sp modelId="{1199B3F6-C12C-4466-8485-518B24CB3DC1}">
      <dsp:nvSpPr>
        <dsp:cNvPr id="0" name=""/>
        <dsp:cNvSpPr/>
      </dsp:nvSpPr>
      <dsp:spPr>
        <a:xfrm>
          <a:off x="387774"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1B7F6BD-63AB-4AFE-B425-0EFCEBFAD578}">
      <dsp:nvSpPr>
        <dsp:cNvPr id="0" name=""/>
        <dsp:cNvSpPr/>
      </dsp:nvSpPr>
      <dsp:spPr>
        <a:xfrm>
          <a:off x="966673" y="886767"/>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t"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April</a:t>
          </a:r>
        </a:p>
      </dsp:txBody>
      <dsp:txXfrm>
        <a:off x="966673" y="886767"/>
        <a:ext cx="918184" cy="591178"/>
      </dsp:txXfrm>
    </dsp:sp>
    <dsp:sp modelId="{5450D9B8-2C5B-425A-8FD0-69183E1AA2DB}">
      <dsp:nvSpPr>
        <dsp:cNvPr id="0" name=""/>
        <dsp:cNvSpPr/>
      </dsp:nvSpPr>
      <dsp:spPr>
        <a:xfrm>
          <a:off x="1351868"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2EE009B-0FC3-4FC9-8550-01907C046696}">
      <dsp:nvSpPr>
        <dsp:cNvPr id="0" name=""/>
        <dsp:cNvSpPr/>
      </dsp:nvSpPr>
      <dsp:spPr>
        <a:xfrm>
          <a:off x="1930766" y="0"/>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b"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May</a:t>
          </a:r>
        </a:p>
      </dsp:txBody>
      <dsp:txXfrm>
        <a:off x="1930766" y="0"/>
        <a:ext cx="918184" cy="591178"/>
      </dsp:txXfrm>
    </dsp:sp>
    <dsp:sp modelId="{654F0C23-76A0-4684-BC6B-05BD0FF25782}">
      <dsp:nvSpPr>
        <dsp:cNvPr id="0" name=""/>
        <dsp:cNvSpPr/>
      </dsp:nvSpPr>
      <dsp:spPr>
        <a:xfrm>
          <a:off x="2315962"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CBC6228-4FC0-4C0D-AE52-63FB0C77EA2A}">
      <dsp:nvSpPr>
        <dsp:cNvPr id="0" name=""/>
        <dsp:cNvSpPr/>
      </dsp:nvSpPr>
      <dsp:spPr>
        <a:xfrm>
          <a:off x="2894860" y="886767"/>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t"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June</a:t>
          </a:r>
        </a:p>
      </dsp:txBody>
      <dsp:txXfrm>
        <a:off x="2894860" y="886767"/>
        <a:ext cx="918184" cy="591178"/>
      </dsp:txXfrm>
    </dsp:sp>
    <dsp:sp modelId="{BE57B17B-1A01-4EE8-8499-93AE01888840}">
      <dsp:nvSpPr>
        <dsp:cNvPr id="0" name=""/>
        <dsp:cNvSpPr/>
      </dsp:nvSpPr>
      <dsp:spPr>
        <a:xfrm>
          <a:off x="3280055"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ED15B23-9D0E-4163-92BC-9B80354C9A0A}">
      <dsp:nvSpPr>
        <dsp:cNvPr id="0" name=""/>
        <dsp:cNvSpPr/>
      </dsp:nvSpPr>
      <dsp:spPr>
        <a:xfrm>
          <a:off x="3858954" y="0"/>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b"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July</a:t>
          </a:r>
        </a:p>
      </dsp:txBody>
      <dsp:txXfrm>
        <a:off x="3858954" y="0"/>
        <a:ext cx="918184" cy="591178"/>
      </dsp:txXfrm>
    </dsp:sp>
    <dsp:sp modelId="{C11AA3F7-26B3-484D-B94A-9FF084C794B8}">
      <dsp:nvSpPr>
        <dsp:cNvPr id="0" name=""/>
        <dsp:cNvSpPr/>
      </dsp:nvSpPr>
      <dsp:spPr>
        <a:xfrm>
          <a:off x="4244149"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A6AD884-DC55-4514-A865-B2C43D53E14B}">
      <dsp:nvSpPr>
        <dsp:cNvPr id="0" name=""/>
        <dsp:cNvSpPr/>
      </dsp:nvSpPr>
      <dsp:spPr>
        <a:xfrm>
          <a:off x="4823048" y="886767"/>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t"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August</a:t>
          </a:r>
        </a:p>
      </dsp:txBody>
      <dsp:txXfrm>
        <a:off x="4823048" y="886767"/>
        <a:ext cx="918184" cy="591178"/>
      </dsp:txXfrm>
    </dsp:sp>
    <dsp:sp modelId="{B719FFD0-130B-4217-972E-FAFD4D1C96D9}">
      <dsp:nvSpPr>
        <dsp:cNvPr id="0" name=""/>
        <dsp:cNvSpPr/>
      </dsp:nvSpPr>
      <dsp:spPr>
        <a:xfrm>
          <a:off x="5208243"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A64985C-FA5A-4BC0-9D0B-02676F007F07}">
      <dsp:nvSpPr>
        <dsp:cNvPr id="0" name=""/>
        <dsp:cNvSpPr/>
      </dsp:nvSpPr>
      <dsp:spPr>
        <a:xfrm>
          <a:off x="5787142" y="0"/>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b"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September</a:t>
          </a:r>
        </a:p>
      </dsp:txBody>
      <dsp:txXfrm>
        <a:off x="5787142" y="0"/>
        <a:ext cx="918184" cy="591178"/>
      </dsp:txXfrm>
    </dsp:sp>
    <dsp:sp modelId="{D5A4C16D-7B79-4538-887C-996B1F3C1031}">
      <dsp:nvSpPr>
        <dsp:cNvPr id="0" name=""/>
        <dsp:cNvSpPr/>
      </dsp:nvSpPr>
      <dsp:spPr>
        <a:xfrm>
          <a:off x="6172337"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8559467-EA86-463D-AF32-66C00D29B622}">
      <dsp:nvSpPr>
        <dsp:cNvPr id="0" name=""/>
        <dsp:cNvSpPr/>
      </dsp:nvSpPr>
      <dsp:spPr>
        <a:xfrm>
          <a:off x="6751236" y="886767"/>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t"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October</a:t>
          </a:r>
        </a:p>
      </dsp:txBody>
      <dsp:txXfrm>
        <a:off x="6751236" y="886767"/>
        <a:ext cx="918184" cy="591178"/>
      </dsp:txXfrm>
    </dsp:sp>
    <dsp:sp modelId="{CBD8F83D-FA13-4D50-895E-81A0FF6439A5}">
      <dsp:nvSpPr>
        <dsp:cNvPr id="0" name=""/>
        <dsp:cNvSpPr/>
      </dsp:nvSpPr>
      <dsp:spPr>
        <a:xfrm>
          <a:off x="7136431"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48140BF-533D-45C4-94F6-A8A0391B3D0F}">
      <dsp:nvSpPr>
        <dsp:cNvPr id="0" name=""/>
        <dsp:cNvSpPr/>
      </dsp:nvSpPr>
      <dsp:spPr>
        <a:xfrm>
          <a:off x="7715330" y="0"/>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b"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November</a:t>
          </a:r>
        </a:p>
      </dsp:txBody>
      <dsp:txXfrm>
        <a:off x="7715330" y="0"/>
        <a:ext cx="918184" cy="591178"/>
      </dsp:txXfrm>
    </dsp:sp>
    <dsp:sp modelId="{F682EF90-46AB-4A5B-A354-CE6F81BABE54}">
      <dsp:nvSpPr>
        <dsp:cNvPr id="0" name=""/>
        <dsp:cNvSpPr/>
      </dsp:nvSpPr>
      <dsp:spPr>
        <a:xfrm>
          <a:off x="8100525"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E6E1F37D-573E-40D3-80BD-378C59C6ED7D}">
      <dsp:nvSpPr>
        <dsp:cNvPr id="0" name=""/>
        <dsp:cNvSpPr/>
      </dsp:nvSpPr>
      <dsp:spPr>
        <a:xfrm>
          <a:off x="8679424" y="886767"/>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t"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December</a:t>
          </a:r>
        </a:p>
      </dsp:txBody>
      <dsp:txXfrm>
        <a:off x="8679424" y="886767"/>
        <a:ext cx="918184" cy="591178"/>
      </dsp:txXfrm>
    </dsp:sp>
    <dsp:sp modelId="{D899C065-07BB-4B1F-A4E0-76840B0AFCDA}">
      <dsp:nvSpPr>
        <dsp:cNvPr id="0" name=""/>
        <dsp:cNvSpPr/>
      </dsp:nvSpPr>
      <dsp:spPr>
        <a:xfrm>
          <a:off x="9064619"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8447E63-F0B7-4ED0-A8F2-A063CFAFDC79}">
      <dsp:nvSpPr>
        <dsp:cNvPr id="0" name=""/>
        <dsp:cNvSpPr/>
      </dsp:nvSpPr>
      <dsp:spPr>
        <a:xfrm>
          <a:off x="9643518" y="0"/>
          <a:ext cx="918184" cy="59117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5344" tIns="85344" rIns="85344" bIns="85344" numCol="1" spcCol="1270" anchor="b" anchorCtr="0">
          <a:noAutofit/>
        </a:bodyPr>
        <a:lstStyle/>
        <a:p>
          <a:pPr marL="0" lvl="0" indent="0" algn="ctr" defTabSz="533400">
            <a:lnSpc>
              <a:spcPct val="90000"/>
            </a:lnSpc>
            <a:spcBef>
              <a:spcPct val="0"/>
            </a:spcBef>
            <a:spcAft>
              <a:spcPct val="35000"/>
            </a:spcAft>
            <a:buNone/>
          </a:pPr>
          <a:r>
            <a:rPr lang="en-US" sz="1200" kern="1200" dirty="0">
              <a:solidFill>
                <a:schemeClr val="accent1">
                  <a:lumMod val="75000"/>
                </a:schemeClr>
              </a:solidFill>
            </a:rPr>
            <a:t>January 2021</a:t>
          </a:r>
        </a:p>
      </dsp:txBody>
      <dsp:txXfrm>
        <a:off x="9643518" y="0"/>
        <a:ext cx="918184" cy="591178"/>
      </dsp:txXfrm>
    </dsp:sp>
    <dsp:sp modelId="{EC6014C0-D608-4029-9E38-AE8EF189FC98}">
      <dsp:nvSpPr>
        <dsp:cNvPr id="0" name=""/>
        <dsp:cNvSpPr/>
      </dsp:nvSpPr>
      <dsp:spPr>
        <a:xfrm>
          <a:off x="10028713" y="665075"/>
          <a:ext cx="147794" cy="147794"/>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E69385D-9BED-104F-BB61-BCEA367E1420}">
      <dsp:nvSpPr>
        <dsp:cNvPr id="0" name=""/>
        <dsp:cNvSpPr/>
      </dsp:nvSpPr>
      <dsp:spPr>
        <a:xfrm>
          <a:off x="5771" y="0"/>
          <a:ext cx="2146825" cy="379195"/>
        </a:xfrm>
        <a:prstGeom prst="chevron">
          <a:avLst/>
        </a:prstGeom>
        <a:solidFill>
          <a:srgbClr val="0070C0"/>
        </a:solidFill>
        <a:ln w="254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US" sz="1800" b="1" kern="1200" dirty="0">
              <a:solidFill>
                <a:srgbClr val="FFFFFF"/>
              </a:solidFill>
              <a:latin typeface="Arial Narrow" pitchFamily="34" charset="0"/>
              <a:ea typeface="+mn-ea"/>
              <a:cs typeface="+mn-cs"/>
            </a:rPr>
            <a:t>Sep - Oct 19</a:t>
          </a:r>
        </a:p>
      </dsp:txBody>
      <dsp:txXfrm>
        <a:off x="195369" y="0"/>
        <a:ext cx="1767630" cy="379195"/>
      </dsp:txXfrm>
    </dsp:sp>
    <dsp:sp modelId="{FB982AC1-B3AC-4753-A526-584D2E98BEDA}">
      <dsp:nvSpPr>
        <dsp:cNvPr id="0" name=""/>
        <dsp:cNvSpPr/>
      </dsp:nvSpPr>
      <dsp:spPr>
        <a:xfrm>
          <a:off x="1937913" y="0"/>
          <a:ext cx="2146825" cy="379195"/>
        </a:xfrm>
        <a:prstGeom prst="chevron">
          <a:avLst/>
        </a:prstGeom>
        <a:solidFill>
          <a:srgbClr val="0070C0"/>
        </a:solidFill>
        <a:ln w="254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US" sz="1800" b="1" kern="1200" dirty="0">
              <a:solidFill>
                <a:srgbClr val="FFFFFF"/>
              </a:solidFill>
              <a:latin typeface="Arial Narrow" pitchFamily="34" charset="0"/>
              <a:ea typeface="+mn-ea"/>
              <a:cs typeface="+mn-cs"/>
            </a:rPr>
            <a:t>Nov – Dec</a:t>
          </a:r>
          <a:r>
            <a:rPr lang="en-US" sz="1800" b="1" kern="1200" baseline="0" dirty="0">
              <a:solidFill>
                <a:srgbClr val="FFFFFF"/>
              </a:solidFill>
              <a:latin typeface="Arial Narrow" pitchFamily="34" charset="0"/>
              <a:ea typeface="+mn-ea"/>
              <a:cs typeface="+mn-cs"/>
            </a:rPr>
            <a:t> </a:t>
          </a:r>
          <a:r>
            <a:rPr lang="en-US" sz="1800" b="1" kern="1200" dirty="0">
              <a:solidFill>
                <a:srgbClr val="FFFFFF"/>
              </a:solidFill>
              <a:latin typeface="Arial Narrow" pitchFamily="34" charset="0"/>
              <a:ea typeface="+mn-ea"/>
              <a:cs typeface="+mn-cs"/>
            </a:rPr>
            <a:t>19</a:t>
          </a:r>
        </a:p>
      </dsp:txBody>
      <dsp:txXfrm>
        <a:off x="2127511" y="0"/>
        <a:ext cx="1767630" cy="379195"/>
      </dsp:txXfrm>
    </dsp:sp>
    <dsp:sp modelId="{1E7E085A-07B9-4340-ACFE-3EF05A29D1C8}">
      <dsp:nvSpPr>
        <dsp:cNvPr id="0" name=""/>
        <dsp:cNvSpPr/>
      </dsp:nvSpPr>
      <dsp:spPr>
        <a:xfrm>
          <a:off x="3870056" y="0"/>
          <a:ext cx="2146825" cy="379195"/>
        </a:xfrm>
        <a:prstGeom prst="chevron">
          <a:avLst/>
        </a:prstGeom>
        <a:solidFill>
          <a:srgbClr val="0070C0"/>
        </a:solidFill>
        <a:ln w="254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US" sz="1800" b="1" kern="1200" dirty="0">
              <a:solidFill>
                <a:srgbClr val="FFFFFF"/>
              </a:solidFill>
              <a:latin typeface="Arial Narrow" pitchFamily="34" charset="0"/>
              <a:ea typeface="+mn-ea"/>
              <a:cs typeface="+mn-cs"/>
            </a:rPr>
            <a:t>Jan – Feb 20</a:t>
          </a:r>
        </a:p>
      </dsp:txBody>
      <dsp:txXfrm>
        <a:off x="4059654" y="0"/>
        <a:ext cx="1767630" cy="379195"/>
      </dsp:txXfrm>
    </dsp:sp>
    <dsp:sp modelId="{7AE9A9BE-33B9-4D7F-BAD0-2AF1B14AF664}">
      <dsp:nvSpPr>
        <dsp:cNvPr id="0" name=""/>
        <dsp:cNvSpPr/>
      </dsp:nvSpPr>
      <dsp:spPr>
        <a:xfrm>
          <a:off x="5802199" y="0"/>
          <a:ext cx="2146825" cy="379195"/>
        </a:xfrm>
        <a:prstGeom prst="chevron">
          <a:avLst/>
        </a:prstGeom>
        <a:solidFill>
          <a:srgbClr val="0070C0"/>
        </a:solidFill>
        <a:ln w="254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US" sz="1800" b="1" kern="1200" dirty="0">
              <a:solidFill>
                <a:srgbClr val="FFFFFF"/>
              </a:solidFill>
              <a:latin typeface="Arial Narrow" pitchFamily="34" charset="0"/>
              <a:ea typeface="+mn-ea"/>
              <a:cs typeface="+mn-cs"/>
            </a:rPr>
            <a:t>Mar - Apr 20</a:t>
          </a:r>
        </a:p>
      </dsp:txBody>
      <dsp:txXfrm>
        <a:off x="5991797" y="0"/>
        <a:ext cx="1767630" cy="379195"/>
      </dsp:txXfrm>
    </dsp:sp>
    <dsp:sp modelId="{D13FD6DC-D36F-4861-AA3B-D1FEF1FA3926}">
      <dsp:nvSpPr>
        <dsp:cNvPr id="0" name=""/>
        <dsp:cNvSpPr/>
      </dsp:nvSpPr>
      <dsp:spPr>
        <a:xfrm>
          <a:off x="7734341" y="0"/>
          <a:ext cx="2146825" cy="379195"/>
        </a:xfrm>
        <a:prstGeom prst="chevron">
          <a:avLst/>
        </a:prstGeom>
        <a:solidFill>
          <a:srgbClr val="0070C0"/>
        </a:solidFill>
        <a:ln w="254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US" sz="1800" b="1" kern="1200" dirty="0">
              <a:solidFill>
                <a:srgbClr val="FFFFFF"/>
              </a:solidFill>
              <a:latin typeface="Arial Narrow" pitchFamily="34" charset="0"/>
              <a:ea typeface="+mn-ea"/>
              <a:cs typeface="+mn-cs"/>
            </a:rPr>
            <a:t>May – Jun 20</a:t>
          </a:r>
        </a:p>
      </dsp:txBody>
      <dsp:txXfrm>
        <a:off x="7923939" y="0"/>
        <a:ext cx="1767630" cy="379195"/>
      </dsp:txXfrm>
    </dsp:sp>
    <dsp:sp modelId="{D3374F83-6051-E448-AAB2-1E9697DCE09B}">
      <dsp:nvSpPr>
        <dsp:cNvPr id="0" name=""/>
        <dsp:cNvSpPr/>
      </dsp:nvSpPr>
      <dsp:spPr>
        <a:xfrm>
          <a:off x="9666484" y="0"/>
          <a:ext cx="2146825" cy="379195"/>
        </a:xfrm>
        <a:prstGeom prst="chevron">
          <a:avLst/>
        </a:prstGeom>
        <a:solidFill>
          <a:srgbClr val="0070C0"/>
        </a:solidFill>
        <a:ln w="254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24003" rIns="24003" bIns="24003" numCol="1" spcCol="1270" anchor="ctr" anchorCtr="0">
          <a:noAutofit/>
        </a:bodyPr>
        <a:lstStyle/>
        <a:p>
          <a:pPr marL="0" lvl="0" indent="0" algn="ctr" defTabSz="800100">
            <a:lnSpc>
              <a:spcPct val="90000"/>
            </a:lnSpc>
            <a:spcBef>
              <a:spcPct val="0"/>
            </a:spcBef>
            <a:spcAft>
              <a:spcPct val="35000"/>
            </a:spcAft>
            <a:buNone/>
          </a:pPr>
          <a:r>
            <a:rPr lang="en-US" sz="1800" b="1" kern="1200" dirty="0">
              <a:solidFill>
                <a:srgbClr val="FFFFFF"/>
              </a:solidFill>
              <a:latin typeface="Arial Narrow" pitchFamily="34" charset="0"/>
              <a:ea typeface="+mn-ea"/>
              <a:cs typeface="+mn-cs"/>
            </a:rPr>
            <a:t>Jul – Sep 20</a:t>
          </a:r>
        </a:p>
      </dsp:txBody>
      <dsp:txXfrm>
        <a:off x="9856082" y="0"/>
        <a:ext cx="1767630" cy="37919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089C65F-438C-F144-A6C9-3C4B873D6CF6}">
      <dsp:nvSpPr>
        <dsp:cNvPr id="0" name=""/>
        <dsp:cNvSpPr/>
      </dsp:nvSpPr>
      <dsp:spPr>
        <a:xfrm>
          <a:off x="20242" y="0"/>
          <a:ext cx="1211477" cy="280667"/>
        </a:xfrm>
        <a:prstGeom prst="homePlate">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4008"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4</a:t>
          </a:r>
        </a:p>
      </dsp:txBody>
      <dsp:txXfrm>
        <a:off x="20242" y="0"/>
        <a:ext cx="1141310" cy="280667"/>
      </dsp:txXfrm>
    </dsp:sp>
    <dsp:sp modelId="{8F3D039B-C4D0-DB46-9B21-D21F6CE63FFC}">
      <dsp:nvSpPr>
        <dsp:cNvPr id="0" name=""/>
        <dsp:cNvSpPr/>
      </dsp:nvSpPr>
      <dsp:spPr>
        <a:xfrm>
          <a:off x="987864"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1</a:t>
          </a:r>
        </a:p>
      </dsp:txBody>
      <dsp:txXfrm>
        <a:off x="1128198" y="0"/>
        <a:ext cx="930810" cy="280667"/>
      </dsp:txXfrm>
    </dsp:sp>
    <dsp:sp modelId="{BA04F86B-C848-AF46-983A-343A69EB535A}">
      <dsp:nvSpPr>
        <dsp:cNvPr id="0" name=""/>
        <dsp:cNvSpPr/>
      </dsp:nvSpPr>
      <dsp:spPr>
        <a:xfrm>
          <a:off x="1942031"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2</a:t>
          </a:r>
        </a:p>
      </dsp:txBody>
      <dsp:txXfrm>
        <a:off x="2082365" y="0"/>
        <a:ext cx="930810" cy="280667"/>
      </dsp:txXfrm>
    </dsp:sp>
    <dsp:sp modelId="{15C7B4E0-47E9-D04B-9010-626F7801D49D}">
      <dsp:nvSpPr>
        <dsp:cNvPr id="0" name=""/>
        <dsp:cNvSpPr/>
      </dsp:nvSpPr>
      <dsp:spPr>
        <a:xfrm>
          <a:off x="2914074"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3</a:t>
          </a:r>
        </a:p>
      </dsp:txBody>
      <dsp:txXfrm>
        <a:off x="3054408" y="0"/>
        <a:ext cx="930810" cy="280667"/>
      </dsp:txXfrm>
    </dsp:sp>
    <dsp:sp modelId="{CFB562CE-FDA9-F546-A038-4FFD859AD598}">
      <dsp:nvSpPr>
        <dsp:cNvPr id="0" name=""/>
        <dsp:cNvSpPr/>
      </dsp:nvSpPr>
      <dsp:spPr>
        <a:xfrm>
          <a:off x="3883256"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4</a:t>
          </a:r>
        </a:p>
      </dsp:txBody>
      <dsp:txXfrm>
        <a:off x="4023590" y="0"/>
        <a:ext cx="930810" cy="280667"/>
      </dsp:txXfrm>
    </dsp:sp>
    <dsp:sp modelId="{1C8E7F3B-8C9C-EF4E-8512-BA574C520F6F}">
      <dsp:nvSpPr>
        <dsp:cNvPr id="0" name=""/>
        <dsp:cNvSpPr/>
      </dsp:nvSpPr>
      <dsp:spPr>
        <a:xfrm>
          <a:off x="4852438"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1</a:t>
          </a:r>
        </a:p>
      </dsp:txBody>
      <dsp:txXfrm>
        <a:off x="4992772" y="0"/>
        <a:ext cx="930810" cy="280667"/>
      </dsp:txXfrm>
    </dsp:sp>
    <dsp:sp modelId="{16FFF9B4-62C9-5B4F-87D7-DA5B93121006}">
      <dsp:nvSpPr>
        <dsp:cNvPr id="0" name=""/>
        <dsp:cNvSpPr/>
      </dsp:nvSpPr>
      <dsp:spPr>
        <a:xfrm>
          <a:off x="5821620"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2</a:t>
          </a:r>
        </a:p>
      </dsp:txBody>
      <dsp:txXfrm>
        <a:off x="5961954" y="0"/>
        <a:ext cx="930810" cy="280667"/>
      </dsp:txXfrm>
    </dsp:sp>
    <dsp:sp modelId="{4BE2E066-F02B-43B5-A7A0-60B2A233BAE1}">
      <dsp:nvSpPr>
        <dsp:cNvPr id="0" name=""/>
        <dsp:cNvSpPr/>
      </dsp:nvSpPr>
      <dsp:spPr>
        <a:xfrm>
          <a:off x="6790802"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3</a:t>
          </a:r>
        </a:p>
      </dsp:txBody>
      <dsp:txXfrm>
        <a:off x="6931136" y="0"/>
        <a:ext cx="930810" cy="280667"/>
      </dsp:txXfrm>
    </dsp:sp>
    <dsp:sp modelId="{3DDAD129-12AF-428F-9D0E-4A070F8CD78A}">
      <dsp:nvSpPr>
        <dsp:cNvPr id="0" name=""/>
        <dsp:cNvSpPr/>
      </dsp:nvSpPr>
      <dsp:spPr>
        <a:xfrm>
          <a:off x="7759984"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4</a:t>
          </a:r>
        </a:p>
      </dsp:txBody>
      <dsp:txXfrm>
        <a:off x="7900318" y="0"/>
        <a:ext cx="930810" cy="280667"/>
      </dsp:txXfrm>
    </dsp:sp>
    <dsp:sp modelId="{49B042B1-DD45-4AD3-A1B6-7F677EFE3847}">
      <dsp:nvSpPr>
        <dsp:cNvPr id="0" name=""/>
        <dsp:cNvSpPr/>
      </dsp:nvSpPr>
      <dsp:spPr>
        <a:xfrm>
          <a:off x="8729166"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1</a:t>
          </a:r>
        </a:p>
      </dsp:txBody>
      <dsp:txXfrm>
        <a:off x="8869500" y="0"/>
        <a:ext cx="930810" cy="280667"/>
      </dsp:txXfrm>
    </dsp:sp>
    <dsp:sp modelId="{08ABCCB6-54EC-411C-90DC-425119D53FF4}">
      <dsp:nvSpPr>
        <dsp:cNvPr id="0" name=""/>
        <dsp:cNvSpPr/>
      </dsp:nvSpPr>
      <dsp:spPr>
        <a:xfrm>
          <a:off x="9698348"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2</a:t>
          </a:r>
        </a:p>
      </dsp:txBody>
      <dsp:txXfrm>
        <a:off x="9838682" y="0"/>
        <a:ext cx="930810" cy="280667"/>
      </dsp:txXfrm>
    </dsp:sp>
    <dsp:sp modelId="{BDA47CC8-4DED-4E40-B14E-77216463017E}">
      <dsp:nvSpPr>
        <dsp:cNvPr id="0" name=""/>
        <dsp:cNvSpPr/>
      </dsp:nvSpPr>
      <dsp:spPr>
        <a:xfrm>
          <a:off x="10667530" y="0"/>
          <a:ext cx="1211477" cy="280667"/>
        </a:xfrm>
        <a:prstGeom prst="chevron">
          <a:avLst/>
        </a:prstGeom>
        <a:solidFill>
          <a:srgbClr val="0070C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8006" tIns="32004" rIns="16002" bIns="32004" numCol="1" spcCol="1270" anchor="ctr" anchorCtr="0">
          <a:noAutofit/>
        </a:bodyPr>
        <a:lstStyle/>
        <a:p>
          <a:pPr marL="0" lvl="0" indent="0" algn="ctr" defTabSz="533400">
            <a:lnSpc>
              <a:spcPct val="90000"/>
            </a:lnSpc>
            <a:spcBef>
              <a:spcPct val="0"/>
            </a:spcBef>
            <a:spcAft>
              <a:spcPct val="35000"/>
            </a:spcAft>
            <a:buNone/>
          </a:pPr>
          <a:r>
            <a:rPr lang="en-US" sz="1200" b="0" i="0" kern="1200" dirty="0">
              <a:latin typeface="Arial Narrow" panose="020B0604020202020204" pitchFamily="34" charset="0"/>
              <a:cs typeface="Arial Narrow" panose="020B0604020202020204" pitchFamily="34" charset="0"/>
            </a:rPr>
            <a:t>Q3</a:t>
          </a:r>
        </a:p>
      </dsp:txBody>
      <dsp:txXfrm>
        <a:off x="10807864" y="0"/>
        <a:ext cx="930810" cy="280667"/>
      </dsp:txXfrm>
    </dsp:sp>
  </dsp:spTree>
</dsp:drawing>
</file>

<file path=ppt/diagrams/layout1.xml><?xml version="1.0" encoding="utf-8"?>
<dgm:layoutDef xmlns:dgm="http://schemas.openxmlformats.org/drawingml/2006/diagram" xmlns:a="http://schemas.openxmlformats.org/drawingml/2006/main" uniqueId="urn:microsoft.com/office/officeart/2005/8/layout/hProcess11">
  <dgm:title val=""/>
  <dgm:desc val=""/>
  <dgm:catLst>
    <dgm:cat type="process" pri="8000"/>
    <dgm:cat type="convert" pri="14000"/>
  </dgm:catLst>
  <dgm:sampData useDef="1">
    <dgm:dataModel>
      <dgm:pt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hoose name="Name1">
      <dgm:if name="Name2" func="var" arg="dir" op="equ" val="norm">
        <dgm:constrLst>
          <dgm:constr type="w" for="ch" forName="arrow" refType="w"/>
          <dgm:constr type="h" for="ch" forName="arrow" refType="h" fact="0.4"/>
          <dgm:constr type="ctrY" for="ch" forName="arrow" refType="h" fact="0.5"/>
          <dgm:constr type="l" for="ch" forName="arrow"/>
          <dgm:constr type="w" for="ch" forName="points" refType="w" fact="0.9"/>
          <dgm:constr type="h" for="ch" forName="points" refType="h"/>
          <dgm:constr type="t" for="ch" forName="points"/>
          <dgm:constr type="l" for="ch" forName="points"/>
        </dgm:constrLst>
      </dgm:if>
      <dgm:else name="Name3">
        <dgm:constrLst>
          <dgm:constr type="w" for="ch" forName="arrow" refType="w"/>
          <dgm:constr type="h" for="ch" forName="arrow" refType="h" fact="0.4"/>
          <dgm:constr type="ctrY" for="ch" forName="arrow" refType="h" fact="0.5"/>
          <dgm:constr type="r" for="ch" forName="arrow" refType="w"/>
          <dgm:constr type="w" for="ch" forName="points" refType="w" fact="0.9"/>
          <dgm:constr type="h" for="ch" forName="points" refType="h"/>
          <dgm:constr type="t" for="ch" forName="points"/>
          <dgm:constr type="r" for="ch" forName="points" refType="w"/>
        </dgm:constrLst>
      </dgm:else>
    </dgm:choose>
    <dgm:ruleLst/>
    <dgm:layoutNode name="arrow" styleLbl="bgShp">
      <dgm:alg type="sp"/>
      <dgm:choose name="Name4">
        <dgm:if name="Name5" func="var" arg="dir" op="equ" val="norm">
          <dgm:shape xmlns:r="http://schemas.openxmlformats.org/officeDocument/2006/relationships" type="notchedRightArrow" r:blip="">
            <dgm:adjLst/>
          </dgm:shape>
        </dgm:if>
        <dgm:else name="Name6">
          <dgm:shape xmlns:r="http://schemas.openxmlformats.org/officeDocument/2006/relationships" rot="180" type="notchedRightArrow" r:blip="">
            <dgm:adjLst/>
          </dgm:shape>
        </dgm:else>
      </dgm:choose>
      <dgm:presOf/>
      <dgm:constrLst/>
      <dgm:ruleLst/>
    </dgm:layoutNode>
    <dgm:layoutNode name="points">
      <dgm:choose name="Name7">
        <dgm:if name="Name8" func="var" arg="dir" op="equ" val="norm">
          <dgm:alg type="lin">
            <dgm:param type="linDir" val="fromL"/>
          </dgm:alg>
        </dgm:if>
        <dgm:else name="Name9">
          <dgm:alg type="lin">
            <dgm:param type="linDir" val="fromR"/>
          </dgm:alg>
        </dgm:else>
      </dgm:choose>
      <dgm:shape xmlns:r="http://schemas.openxmlformats.org/officeDocument/2006/relationships" r:blip="">
        <dgm:adjLst/>
      </dgm:shape>
      <dgm:presOf/>
      <dgm:constrLst>
        <dgm:constr type="w" for="ch" forName="compositeA" refType="w"/>
        <dgm:constr type="h" for="ch" forName="compositeA" refType="h"/>
        <dgm:constr type="w" for="ch" forName="compositeB" refType="w" refFor="ch" refForName="compositeA" op="equ"/>
        <dgm:constr type="h" for="ch" forName="compositeB" refType="h" refFor="ch" refForName="compositeA" op="equ"/>
        <dgm:constr type="primFontSz" for="des" ptType="node" op="equ" val="65"/>
        <dgm:constr type="w" for="ch" forName="space" refType="w" refFor="ch" refForName="compositeA" op="equ" fact="0.05"/>
      </dgm:constrLst>
      <dgm:ruleLst/>
      <dgm:forEach name="Name10" axis="ch" ptType="node">
        <dgm:choose name="Name11">
          <dgm:if name="Name12" axis="self" ptType="node" func="posOdd" op="equ" val="1">
            <dgm:layoutNode name="compositeA">
              <dgm:alg type="composite"/>
              <dgm:shape xmlns:r="http://schemas.openxmlformats.org/officeDocument/2006/relationships" r:blip="">
                <dgm:adjLst/>
              </dgm:shape>
              <dgm:presOf/>
              <dgm:constrLst>
                <dgm:constr type="w" for="ch" forName="textA" refType="w"/>
                <dgm:constr type="h" for="ch" forName="textA" refType="h" fact="0.4"/>
                <dgm:constr type="t" for="ch" forName="textA"/>
                <dgm:constr type="l" for="ch" forName="textA"/>
                <dgm:constr type="h" for="ch" forName="circleA" refType="h" fact="0.1"/>
                <dgm:constr type="h" for="ch" forName="circleA" refType="w" op="lte"/>
                <dgm:constr type="w" for="ch" forName="circleA" refType="h" refFor="ch" refForName="circleA" op="equ"/>
                <dgm:constr type="ctrY" for="ch" forName="circleA" refType="h" fact="0.5"/>
                <dgm:constr type="ctrX" for="ch" forName="circleA" refType="w" refFor="ch" refForName="textA" fact="0.5"/>
                <dgm:constr type="w" for="ch" forName="spaceA" refType="w"/>
                <dgm:constr type="h" for="ch" forName="spaceA" refType="h" fact="0.4"/>
                <dgm:constr type="b" for="ch" forName="spaceA" refType="h"/>
                <dgm:constr type="l" for="ch" forName="spaceA"/>
              </dgm:constrLst>
              <dgm:ruleLst/>
              <dgm:layoutNode name="textA" styleLbl="revTx">
                <dgm:varLst>
                  <dgm:bulletEnabled val="1"/>
                </dgm:varLst>
                <dgm:alg type="tx">
                  <dgm:param type="txAnchorVert" val="b"/>
                  <dgm:param type="txAnchorVertCh" val="b"/>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A">
                <dgm:alg type="sp"/>
                <dgm:shape xmlns:r="http://schemas.openxmlformats.org/officeDocument/2006/relationships" type="ellipse" r:blip="">
                  <dgm:adjLst/>
                </dgm:shape>
                <dgm:presOf/>
                <dgm:constrLst/>
                <dgm:ruleLst/>
              </dgm:layoutNode>
              <dgm:layoutNode name="spaceA">
                <dgm:alg type="sp"/>
                <dgm:shape xmlns:r="http://schemas.openxmlformats.org/officeDocument/2006/relationships" r:blip="">
                  <dgm:adjLst/>
                </dgm:shape>
                <dgm:presOf/>
                <dgm:constrLst/>
                <dgm:ruleLst/>
              </dgm:layoutNode>
            </dgm:layoutNode>
          </dgm:if>
          <dgm:else name="Name13">
            <dgm:layoutNode name="compositeB">
              <dgm:alg type="composite"/>
              <dgm:shape xmlns:r="http://schemas.openxmlformats.org/officeDocument/2006/relationships" r:blip="">
                <dgm:adjLst/>
              </dgm:shape>
              <dgm:presOf/>
              <dgm:constrLst>
                <dgm:constr type="w" for="ch" forName="textB" refType="w"/>
                <dgm:constr type="h" for="ch" forName="textB" refType="h" fact="0.4"/>
                <dgm:constr type="b" for="ch" forName="textB" refType="h"/>
                <dgm:constr type="l" for="ch" forName="textB"/>
                <dgm:constr type="h" for="ch" forName="circleB" refType="h" fact="0.1"/>
                <dgm:constr type="w" for="ch" forName="circleB" refType="h" refFor="ch" refForName="circleB" op="equ"/>
                <dgm:constr type="h" for="ch" forName="circleB" refType="w" op="lte"/>
                <dgm:constr type="ctrY" for="ch" forName="circleB" refType="h" fact="0.5"/>
                <dgm:constr type="ctrX" for="ch" forName="circleB" refType="w" refFor="ch" refForName="textB" fact="0.5"/>
                <dgm:constr type="w" for="ch" forName="spaceB" refType="w"/>
                <dgm:constr type="h" for="ch" forName="spaceB" refType="h" fact="0.4"/>
                <dgm:constr type="t" for="ch" forName="spaceB"/>
                <dgm:constr type="l" for="ch" forName="spaceB"/>
              </dgm:constrLst>
              <dgm:ruleLst/>
              <dgm:layoutNode name="textB" styleLbl="revTx">
                <dgm:varLst>
                  <dgm:bulletEnabled val="1"/>
                </dgm:varLst>
                <dgm:alg type="tx">
                  <dgm:param type="txAnchorVert" val="t"/>
                  <dgm:param type="txAnchorVertCh" val="t"/>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B">
                <dgm:alg type="sp"/>
                <dgm:shape xmlns:r="http://schemas.openxmlformats.org/officeDocument/2006/relationships" type="ellipse" r:blip="">
                  <dgm:adjLst/>
                </dgm:shape>
                <dgm:presOf/>
                <dgm:constrLst/>
                <dgm:ruleLst/>
              </dgm:layoutNode>
              <dgm:layoutNode name="spaceB">
                <dgm:alg type="sp"/>
                <dgm:shape xmlns:r="http://schemas.openxmlformats.org/officeDocument/2006/relationships" r:blip="">
                  <dgm:adjLst/>
                </dgm:shape>
                <dgm:presOf/>
                <dgm:constrLst/>
                <dgm:ruleLst/>
              </dgm:layoutNode>
            </dgm:layoutNode>
          </dgm:else>
        </dgm:choose>
        <dgm:forEach name="Name14" axis="followSib" ptType="sibTrans" cnt="1">
          <dgm:layoutNode name="space">
            <dgm:alg type="sp"/>
            <dgm:shape xmlns:r="http://schemas.openxmlformats.org/officeDocument/2006/relationships" r:blip="">
              <dgm:adjLst/>
            </dgm:shape>
            <dgm:presOf/>
            <dgm:constrLst/>
            <dgm:ruleLst/>
          </dgm:layoutNode>
        </dgm:forEach>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7387A14C-DCF2-4F56-B485-06CA4A24CA6D}" type="datetimeFigureOut">
              <a:rPr lang="en-US" smtClean="0"/>
              <a:t>7/21/2020</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76C74A9-4D30-4791-B820-2EF138810278}" type="slidenum">
              <a:rPr lang="en-US" smtClean="0"/>
              <a:t>‹#›</a:t>
            </a:fld>
            <a:endParaRPr lang="en-US" dirty="0"/>
          </a:p>
        </p:txBody>
      </p:sp>
    </p:spTree>
    <p:extLst>
      <p:ext uri="{BB962C8B-B14F-4D97-AF65-F5344CB8AC3E}">
        <p14:creationId xmlns:p14="http://schemas.microsoft.com/office/powerpoint/2010/main" val="340428823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19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a:spcBef>
                <a:spcPct val="0"/>
              </a:spcBef>
            </a:pPr>
            <a:endParaRPr lang="en-US" altLang="en-US" b="1" dirty="0">
              <a:solidFill>
                <a:srgbClr val="FFFFFF"/>
              </a:solidFill>
              <a:latin typeface="Calibri" pitchFamily="34" charset="0"/>
            </a:endParaRPr>
          </a:p>
          <a:p>
            <a:pPr>
              <a:spcBef>
                <a:spcPct val="0"/>
              </a:spcBef>
            </a:pPr>
            <a:endParaRPr lang="en-US" altLang="en-US" baseline="0" dirty="0"/>
          </a:p>
        </p:txBody>
      </p:sp>
      <p:sp>
        <p:nvSpPr>
          <p:cNvPr id="8196"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Myriad Web Pro" panose="020B0503030403020204" pitchFamily="34" charset="0"/>
              </a:defRPr>
            </a:lvl1pPr>
            <a:lvl2pPr marL="729646" indent="-280634">
              <a:defRPr>
                <a:solidFill>
                  <a:schemeClr val="tx1"/>
                </a:solidFill>
                <a:latin typeface="Myriad Web Pro" panose="020B0503030403020204" pitchFamily="34" charset="0"/>
              </a:defRPr>
            </a:lvl2pPr>
            <a:lvl3pPr marL="1122531" indent="-224506">
              <a:defRPr>
                <a:solidFill>
                  <a:schemeClr val="tx1"/>
                </a:solidFill>
                <a:latin typeface="Myriad Web Pro" panose="020B0503030403020204" pitchFamily="34" charset="0"/>
              </a:defRPr>
            </a:lvl3pPr>
            <a:lvl4pPr marL="1571544" indent="-224506">
              <a:defRPr>
                <a:solidFill>
                  <a:schemeClr val="tx1"/>
                </a:solidFill>
                <a:latin typeface="Myriad Web Pro" panose="020B0503030403020204" pitchFamily="34" charset="0"/>
              </a:defRPr>
            </a:lvl4pPr>
            <a:lvl5pPr marL="2020556" indent="-224506">
              <a:defRPr>
                <a:solidFill>
                  <a:schemeClr val="tx1"/>
                </a:solidFill>
                <a:latin typeface="Myriad Web Pro" panose="020B0503030403020204" pitchFamily="34" charset="0"/>
              </a:defRPr>
            </a:lvl5pPr>
            <a:lvl6pPr marL="2469569" indent="-224506" fontAlgn="base">
              <a:spcBef>
                <a:spcPct val="0"/>
              </a:spcBef>
              <a:spcAft>
                <a:spcPct val="0"/>
              </a:spcAft>
              <a:defRPr>
                <a:solidFill>
                  <a:schemeClr val="tx1"/>
                </a:solidFill>
                <a:latin typeface="Myriad Web Pro" panose="020B0503030403020204" pitchFamily="34" charset="0"/>
              </a:defRPr>
            </a:lvl6pPr>
            <a:lvl7pPr marL="2918581" indent="-224506" fontAlgn="base">
              <a:spcBef>
                <a:spcPct val="0"/>
              </a:spcBef>
              <a:spcAft>
                <a:spcPct val="0"/>
              </a:spcAft>
              <a:defRPr>
                <a:solidFill>
                  <a:schemeClr val="tx1"/>
                </a:solidFill>
                <a:latin typeface="Myriad Web Pro" panose="020B0503030403020204" pitchFamily="34" charset="0"/>
              </a:defRPr>
            </a:lvl7pPr>
            <a:lvl8pPr marL="3367593" indent="-224506" fontAlgn="base">
              <a:spcBef>
                <a:spcPct val="0"/>
              </a:spcBef>
              <a:spcAft>
                <a:spcPct val="0"/>
              </a:spcAft>
              <a:defRPr>
                <a:solidFill>
                  <a:schemeClr val="tx1"/>
                </a:solidFill>
                <a:latin typeface="Myriad Web Pro" panose="020B0503030403020204" pitchFamily="34" charset="0"/>
              </a:defRPr>
            </a:lvl8pPr>
            <a:lvl9pPr marL="3816606" indent="-224506" fontAlgn="base">
              <a:spcBef>
                <a:spcPct val="0"/>
              </a:spcBef>
              <a:spcAft>
                <a:spcPct val="0"/>
              </a:spcAft>
              <a:defRPr>
                <a:solidFill>
                  <a:schemeClr val="tx1"/>
                </a:solidFill>
                <a:latin typeface="Myriad Web Pro" panose="020B0503030403020204" pitchFamily="34" charset="0"/>
              </a:defRPr>
            </a:lvl9pPr>
          </a:lstStyle>
          <a:p>
            <a:pPr marL="0" marR="0" lvl="0" indent="0" algn="r" defTabSz="931774" rtl="0" eaLnBrk="1" fontAlgn="base" latinLnBrk="0" hangingPunct="1">
              <a:lnSpc>
                <a:spcPct val="100000"/>
              </a:lnSpc>
              <a:spcBef>
                <a:spcPct val="0"/>
              </a:spcBef>
              <a:spcAft>
                <a:spcPct val="0"/>
              </a:spcAft>
              <a:buClrTx/>
              <a:buSzTx/>
              <a:buFontTx/>
              <a:buNone/>
              <a:tabLst/>
              <a:defRPr/>
            </a:pPr>
            <a:fld id="{6F084AA2-EDF3-41B6-9BD5-4D1331E35CE7}" type="slidenum">
              <a:rPr kumimoji="0" lang="en-US" altLang="en-US" sz="1200" b="0" i="0" u="none" strike="noStrike" kern="1200" cap="none" spc="0" normalizeH="0" baseline="0" noProof="0">
                <a:ln>
                  <a:noFill/>
                </a:ln>
                <a:solidFill>
                  <a:prstClr val="black"/>
                </a:solidFill>
                <a:effectLst/>
                <a:uLnTx/>
                <a:uFillTx/>
                <a:latin typeface="Calibri" panose="020F0502020204030204" pitchFamily="34" charset="0"/>
                <a:ea typeface="+mn-ea"/>
                <a:cs typeface="+mn-cs"/>
              </a:rPr>
              <a:pPr marL="0" marR="0" lvl="0" indent="0" algn="r" defTabSz="931774" rtl="0" eaLnBrk="1" fontAlgn="base" latinLnBrk="0" hangingPunct="1">
                <a:lnSpc>
                  <a:spcPct val="100000"/>
                </a:lnSpc>
                <a:spcBef>
                  <a:spcPct val="0"/>
                </a:spcBef>
                <a:spcAft>
                  <a:spcPct val="0"/>
                </a:spcAft>
                <a:buClrTx/>
                <a:buSzTx/>
                <a:buFontTx/>
                <a:buNone/>
                <a:tabLst/>
                <a:defRPr/>
              </a:pPr>
              <a:t>1</a:t>
            </a:fld>
            <a:endParaRPr kumimoji="0" lang="en-US" altLang="en-US" sz="1200" b="0" i="0" u="none" strike="noStrike" kern="1200" cap="none" spc="0" normalizeH="0" baseline="0" noProof="0" dirty="0">
              <a:ln>
                <a:noFill/>
              </a:ln>
              <a:solidFill>
                <a:prstClr val="black"/>
              </a:solidFill>
              <a:effectLst/>
              <a:uLnTx/>
              <a:uFillTx/>
              <a:latin typeface="Calibri" panose="020F0502020204030204" pitchFamily="34" charset="0"/>
              <a:ea typeface="+mn-ea"/>
              <a:cs typeface="+mn-cs"/>
            </a:endParaRPr>
          </a:p>
        </p:txBody>
      </p:sp>
    </p:spTree>
    <p:extLst>
      <p:ext uri="{BB962C8B-B14F-4D97-AF65-F5344CB8AC3E}">
        <p14:creationId xmlns:p14="http://schemas.microsoft.com/office/powerpoint/2010/main" val="343345190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91551DBF-A433-B945-8FF1-A9D892E166EC}"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8102401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91551DBF-A433-B945-8FF1-A9D892E166EC}"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003812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31E4A95-0220-1B4E-9B7E-026A488D7857}" type="slidenum">
              <a:rPr lang="en-US" smtClean="0"/>
              <a:t>21</a:t>
            </a:fld>
            <a:endParaRPr lang="en-US"/>
          </a:p>
        </p:txBody>
      </p:sp>
    </p:spTree>
    <p:extLst>
      <p:ext uri="{BB962C8B-B14F-4D97-AF65-F5344CB8AC3E}">
        <p14:creationId xmlns:p14="http://schemas.microsoft.com/office/powerpoint/2010/main" val="395772115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31E4A95-0220-1B4E-9B7E-026A488D7857}" type="slidenum">
              <a:rPr lang="en-US" smtClean="0"/>
              <a:t>22</a:t>
            </a:fld>
            <a:endParaRPr lang="en-US"/>
          </a:p>
        </p:txBody>
      </p:sp>
    </p:spTree>
    <p:extLst>
      <p:ext uri="{BB962C8B-B14F-4D97-AF65-F5344CB8AC3E}">
        <p14:creationId xmlns:p14="http://schemas.microsoft.com/office/powerpoint/2010/main" val="141274699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31E4A95-0220-1B4E-9B7E-026A488D7857}" type="slidenum">
              <a:rPr lang="en-US" smtClean="0"/>
              <a:t>23</a:t>
            </a:fld>
            <a:endParaRPr lang="en-US"/>
          </a:p>
        </p:txBody>
      </p:sp>
    </p:spTree>
    <p:extLst>
      <p:ext uri="{BB962C8B-B14F-4D97-AF65-F5344CB8AC3E}">
        <p14:creationId xmlns:p14="http://schemas.microsoft.com/office/powerpoint/2010/main" val="112529153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31E4A95-0220-1B4E-9B7E-026A488D7857}" type="slidenum">
              <a:rPr lang="en-US" smtClean="0"/>
              <a:t>24</a:t>
            </a:fld>
            <a:endParaRPr lang="en-US"/>
          </a:p>
        </p:txBody>
      </p:sp>
    </p:spTree>
    <p:extLst>
      <p:ext uri="{BB962C8B-B14F-4D97-AF65-F5344CB8AC3E}">
        <p14:creationId xmlns:p14="http://schemas.microsoft.com/office/powerpoint/2010/main" val="35082489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31E4A95-0220-1B4E-9B7E-026A488D7857}" type="slidenum">
              <a:rPr lang="en-US" smtClean="0"/>
              <a:t>25</a:t>
            </a:fld>
            <a:endParaRPr lang="en-US"/>
          </a:p>
        </p:txBody>
      </p:sp>
    </p:spTree>
    <p:extLst>
      <p:ext uri="{BB962C8B-B14F-4D97-AF65-F5344CB8AC3E}">
        <p14:creationId xmlns:p14="http://schemas.microsoft.com/office/powerpoint/2010/main" val="301803716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31E4A95-0220-1B4E-9B7E-026A488D7857}" type="slidenum">
              <a:rPr lang="en-US" smtClean="0"/>
              <a:t>26</a:t>
            </a:fld>
            <a:endParaRPr lang="en-US"/>
          </a:p>
        </p:txBody>
      </p:sp>
    </p:spTree>
    <p:extLst>
      <p:ext uri="{BB962C8B-B14F-4D97-AF65-F5344CB8AC3E}">
        <p14:creationId xmlns:p14="http://schemas.microsoft.com/office/powerpoint/2010/main" val="114966392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19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a:spcBef>
                <a:spcPct val="0"/>
              </a:spcBef>
            </a:pPr>
            <a:endParaRPr lang="en-US" altLang="en-US" dirty="0"/>
          </a:p>
        </p:txBody>
      </p:sp>
      <p:sp>
        <p:nvSpPr>
          <p:cNvPr id="8196"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Myriad Web Pro" panose="020B0503030403020204" pitchFamily="34" charset="0"/>
              </a:defRPr>
            </a:lvl1pPr>
            <a:lvl2pPr marL="742950" indent="-285750">
              <a:defRPr>
                <a:solidFill>
                  <a:schemeClr val="tx1"/>
                </a:solidFill>
                <a:latin typeface="Myriad Web Pro" panose="020B0503030403020204" pitchFamily="34" charset="0"/>
              </a:defRPr>
            </a:lvl2pPr>
            <a:lvl3pPr marL="1143000" indent="-228600">
              <a:defRPr>
                <a:solidFill>
                  <a:schemeClr val="tx1"/>
                </a:solidFill>
                <a:latin typeface="Myriad Web Pro" panose="020B0503030403020204" pitchFamily="34" charset="0"/>
              </a:defRPr>
            </a:lvl3pPr>
            <a:lvl4pPr marL="1600200" indent="-228600">
              <a:defRPr>
                <a:solidFill>
                  <a:schemeClr val="tx1"/>
                </a:solidFill>
                <a:latin typeface="Myriad Web Pro" panose="020B0503030403020204" pitchFamily="34" charset="0"/>
              </a:defRPr>
            </a:lvl4pPr>
            <a:lvl5pPr marL="2057400" indent="-228600">
              <a:defRPr>
                <a:solidFill>
                  <a:schemeClr val="tx1"/>
                </a:solidFill>
                <a:latin typeface="Myriad Web Pro" panose="020B0503030403020204" pitchFamily="34" charset="0"/>
              </a:defRPr>
            </a:lvl5pPr>
            <a:lvl6pPr marL="2514600" indent="-228600" fontAlgn="base">
              <a:spcBef>
                <a:spcPct val="0"/>
              </a:spcBef>
              <a:spcAft>
                <a:spcPct val="0"/>
              </a:spcAft>
              <a:defRPr>
                <a:solidFill>
                  <a:schemeClr val="tx1"/>
                </a:solidFill>
                <a:latin typeface="Myriad Web Pro" panose="020B0503030403020204" pitchFamily="34" charset="0"/>
              </a:defRPr>
            </a:lvl6pPr>
            <a:lvl7pPr marL="2971800" indent="-228600" fontAlgn="base">
              <a:spcBef>
                <a:spcPct val="0"/>
              </a:spcBef>
              <a:spcAft>
                <a:spcPct val="0"/>
              </a:spcAft>
              <a:defRPr>
                <a:solidFill>
                  <a:schemeClr val="tx1"/>
                </a:solidFill>
                <a:latin typeface="Myriad Web Pro" panose="020B0503030403020204" pitchFamily="34" charset="0"/>
              </a:defRPr>
            </a:lvl7pPr>
            <a:lvl8pPr marL="3429000" indent="-228600" fontAlgn="base">
              <a:spcBef>
                <a:spcPct val="0"/>
              </a:spcBef>
              <a:spcAft>
                <a:spcPct val="0"/>
              </a:spcAft>
              <a:defRPr>
                <a:solidFill>
                  <a:schemeClr val="tx1"/>
                </a:solidFill>
                <a:latin typeface="Myriad Web Pro" panose="020B0503030403020204" pitchFamily="34" charset="0"/>
              </a:defRPr>
            </a:lvl8pPr>
            <a:lvl9pPr marL="3886200" indent="-228600" fontAlgn="base">
              <a:spcBef>
                <a:spcPct val="0"/>
              </a:spcBef>
              <a:spcAft>
                <a:spcPct val="0"/>
              </a:spcAft>
              <a:defRPr>
                <a:solidFill>
                  <a:schemeClr val="tx1"/>
                </a:solidFill>
                <a:latin typeface="Myriad Web Pro" panose="020B0503030403020204" pitchFamily="34"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6F084AA2-EDF3-41B6-9BD5-4D1331E35CE7}" type="slidenum">
              <a:rPr kumimoji="0" lang="en-US" altLang="en-US" sz="1200" b="0" i="0" u="none" strike="noStrike" kern="1200" cap="none" spc="0" normalizeH="0" baseline="0" noProof="0">
                <a:ln>
                  <a:noFill/>
                </a:ln>
                <a:solidFill>
                  <a:prstClr val="black"/>
                </a:solidFill>
                <a:effectLst/>
                <a:uLnTx/>
                <a:uFillTx/>
                <a:latin typeface="Calibri" panose="020F0502020204030204" pitchFamily="34"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29</a:t>
            </a:fld>
            <a:endParaRPr kumimoji="0" lang="en-US" altLang="en-US" sz="12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Tree>
    <p:extLst>
      <p:ext uri="{BB962C8B-B14F-4D97-AF65-F5344CB8AC3E}">
        <p14:creationId xmlns:p14="http://schemas.microsoft.com/office/powerpoint/2010/main" val="355451274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defTabSz="881390">
              <a:defRPr/>
            </a:pPr>
            <a:endParaRPr lang="en-US" dirty="0"/>
          </a:p>
        </p:txBody>
      </p:sp>
      <p:sp>
        <p:nvSpPr>
          <p:cNvPr id="4" name="Slide Number Placeholder 3"/>
          <p:cNvSpPr>
            <a:spLocks noGrp="1"/>
          </p:cNvSpPr>
          <p:nvPr>
            <p:ph type="sldNum" sz="quarter" idx="10"/>
          </p:nvPr>
        </p:nvSpPr>
        <p:spPr/>
        <p:txBody>
          <a:bodyPr/>
          <a:lstStyle/>
          <a:p>
            <a:pPr marL="0" marR="0" lvl="0" indent="0" algn="r" defTabSz="881390" rtl="0" eaLnBrk="1" fontAlgn="auto" latinLnBrk="0" hangingPunct="1">
              <a:lnSpc>
                <a:spcPct val="100000"/>
              </a:lnSpc>
              <a:spcBef>
                <a:spcPts val="0"/>
              </a:spcBef>
              <a:spcAft>
                <a:spcPts val="0"/>
              </a:spcAft>
              <a:buClrTx/>
              <a:buSzTx/>
              <a:buFontTx/>
              <a:buNone/>
              <a:tabLst/>
              <a:defRPr/>
            </a:pPr>
            <a:fld id="{7E82054C-5FFB-4925-88B8-34BFE44764D6}" type="slidenum">
              <a:rPr kumimoji="0" lang="en-US" sz="1200" b="0" i="0" u="none" strike="noStrike" kern="1200" cap="none" spc="0" normalizeH="0" baseline="0" noProof="0">
                <a:ln>
                  <a:noFill/>
                </a:ln>
                <a:solidFill>
                  <a:prstClr val="black"/>
                </a:solidFill>
                <a:effectLst/>
                <a:uLnTx/>
                <a:uFillTx/>
                <a:latin typeface="Calibri"/>
                <a:ea typeface="+mn-ea"/>
                <a:cs typeface="+mn-cs"/>
              </a:rPr>
              <a:pPr marL="0" marR="0" lvl="0" indent="0" algn="r" defTabSz="881390" rtl="0" eaLnBrk="1" fontAlgn="auto" latinLnBrk="0" hangingPunct="1">
                <a:lnSpc>
                  <a:spcPct val="100000"/>
                </a:lnSpc>
                <a:spcBef>
                  <a:spcPts val="0"/>
                </a:spcBef>
                <a:spcAft>
                  <a:spcPts val="0"/>
                </a:spcAft>
                <a:buClrTx/>
                <a:buSzTx/>
                <a:buFontTx/>
                <a:buNone/>
                <a:tabLst/>
                <a:defRPr/>
              </a:pPr>
              <a:t>30</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08599306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76C74A9-4D30-4791-B820-2EF138810278}" type="slidenum">
              <a:rPr lang="en-US" smtClean="0"/>
              <a:t>2</a:t>
            </a:fld>
            <a:endParaRPr lang="en-US" dirty="0"/>
          </a:p>
        </p:txBody>
      </p:sp>
    </p:spTree>
    <p:extLst>
      <p:ext uri="{BB962C8B-B14F-4D97-AF65-F5344CB8AC3E}">
        <p14:creationId xmlns:p14="http://schemas.microsoft.com/office/powerpoint/2010/main" val="409890345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E82054C-5FFB-4925-88B8-34BFE44764D6}"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53336499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9521B7C6-33B5-47DC-89ED-04C69B95BA4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42794298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9521B7C6-33B5-47DC-89ED-04C69B95BA4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63144271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Tx/>
              <a:buNone/>
            </a:pPr>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9521B7C6-33B5-47DC-89ED-04C69B95BA4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86464950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9521B7C6-33B5-47DC-89ED-04C69B95BA4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8</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83306657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B38CAEC-4554-485B-9189-C45C7447A404}"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9</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644031010"/>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8DDF1F0-998E-41BA-9811-9DF02433A1E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2962934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4254FD5-90C9-4202-8F4D-D48B4021729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067489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10000"/>
              </a:lnSpc>
              <a:spcBef>
                <a:spcPts val="0"/>
              </a:spcBef>
              <a:spcAft>
                <a:spcPts val="0"/>
              </a:spcAft>
              <a:buClrTx/>
              <a:buSzTx/>
              <a:buFontTx/>
              <a:buNone/>
              <a:tabLst/>
              <a:defRPr/>
            </a:pPr>
            <a:r>
              <a:rPr lang="en-US" sz="2400" dirty="0">
                <a:solidFill>
                  <a:srgbClr val="616265"/>
                </a:solidFill>
              </a:rPr>
              <a:t>Creates a burden for patients and clinicians to track down data. </a:t>
            </a:r>
          </a:p>
          <a:p>
            <a:pPr>
              <a:lnSpc>
                <a:spcPct val="110000"/>
              </a:lnSpc>
            </a:pPr>
            <a:endParaRPr lang="en-US" sz="2400" b="0" dirty="0">
              <a:solidFill>
                <a:srgbClr val="616265"/>
              </a:solidFill>
            </a:endParaRPr>
          </a:p>
          <a:p>
            <a:pPr>
              <a:lnSpc>
                <a:spcPct val="110000"/>
              </a:lnSpc>
            </a:pPr>
            <a:r>
              <a:rPr lang="en-US" sz="2400" b="0" dirty="0">
                <a:solidFill>
                  <a:srgbClr val="616265"/>
                </a:solidFill>
              </a:rPr>
              <a:t>Burden also on researchers who try to leverage EHR data in pragmatic trials or health systems research, who may not be able to access complete medical data for a study participant. And worse, may not even know what data are missing. </a:t>
            </a:r>
            <a:endParaRPr lang="en-US" sz="2400" dirty="0">
              <a:solidFill>
                <a:srgbClr val="616265"/>
              </a:solidFill>
            </a:endParaRPr>
          </a:p>
        </p:txBody>
      </p:sp>
      <p:sp>
        <p:nvSpPr>
          <p:cNvPr id="4" name="Slide Number Placeholder 3"/>
          <p:cNvSpPr>
            <a:spLocks noGrp="1"/>
          </p:cNvSpPr>
          <p:nvPr>
            <p:ph type="sldNum" sz="quarter" idx="10"/>
          </p:nvPr>
        </p:nvSpPr>
        <p:spPr/>
        <p:txBody>
          <a:bodyPr/>
          <a:lstStyle/>
          <a:p>
            <a:fld id="{9455FD6B-C625-5648-A21C-8C0616A21821}" type="slidenum">
              <a:rPr lang="en-US" smtClean="0"/>
              <a:t>9</a:t>
            </a:fld>
            <a:endParaRPr lang="en-US" dirty="0"/>
          </a:p>
        </p:txBody>
      </p:sp>
    </p:spTree>
    <p:extLst>
      <p:ext uri="{BB962C8B-B14F-4D97-AF65-F5344CB8AC3E}">
        <p14:creationId xmlns:p14="http://schemas.microsoft.com/office/powerpoint/2010/main" val="340797116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31E4A95-0220-1B4E-9B7E-026A488D7857}" type="slidenum">
              <a:rPr lang="en-US" smtClean="0"/>
              <a:t>11</a:t>
            </a:fld>
            <a:endParaRPr lang="en-US" dirty="0"/>
          </a:p>
        </p:txBody>
      </p:sp>
    </p:spTree>
    <p:extLst>
      <p:ext uri="{BB962C8B-B14F-4D97-AF65-F5344CB8AC3E}">
        <p14:creationId xmlns:p14="http://schemas.microsoft.com/office/powerpoint/2010/main" val="110107063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0000"/>
              </a:lnSpc>
            </a:pPr>
            <a:r>
              <a:rPr lang="en-US" sz="2400" b="0" dirty="0">
                <a:solidFill>
                  <a:srgbClr val="616265"/>
                </a:solidFill>
              </a:rPr>
              <a:t>The eCare Plan aims to:</a:t>
            </a:r>
          </a:p>
          <a:p>
            <a:pPr marL="342900" indent="-342900">
              <a:lnSpc>
                <a:spcPct val="110000"/>
              </a:lnSpc>
              <a:buFontTx/>
              <a:buChar char="-"/>
            </a:pPr>
            <a:r>
              <a:rPr lang="en-US" sz="2400" dirty="0">
                <a:solidFill>
                  <a:srgbClr val="616265"/>
                </a:solidFill>
              </a:rPr>
              <a:t>consolidate and streamline key patient data</a:t>
            </a:r>
          </a:p>
          <a:p>
            <a:pPr marL="342900" indent="-342900">
              <a:lnSpc>
                <a:spcPct val="110000"/>
              </a:lnSpc>
              <a:buFontTx/>
              <a:buChar char="-"/>
            </a:pPr>
            <a:r>
              <a:rPr lang="en-US" sz="2400" dirty="0">
                <a:solidFill>
                  <a:srgbClr val="616265"/>
                </a:solidFill>
              </a:rPr>
              <a:t>move that data between patients and their providers, across a variety of care settings, </a:t>
            </a:r>
          </a:p>
          <a:p>
            <a:pPr marL="342900" indent="-342900">
              <a:lnSpc>
                <a:spcPct val="110000"/>
              </a:lnSpc>
              <a:buFontTx/>
              <a:buChar char="-"/>
            </a:pPr>
            <a:r>
              <a:rPr lang="en-US" sz="2400" dirty="0">
                <a:solidFill>
                  <a:srgbClr val="616265"/>
                </a:solidFill>
              </a:rPr>
              <a:t>allow patients and their care teams to  access the information when they need it. </a:t>
            </a:r>
          </a:p>
        </p:txBody>
      </p:sp>
      <p:sp>
        <p:nvSpPr>
          <p:cNvPr id="4" name="Slide Number Placeholder 3"/>
          <p:cNvSpPr>
            <a:spLocks noGrp="1"/>
          </p:cNvSpPr>
          <p:nvPr>
            <p:ph type="sldNum" sz="quarter" idx="10"/>
          </p:nvPr>
        </p:nvSpPr>
        <p:spPr/>
        <p:txBody>
          <a:bodyPr/>
          <a:lstStyle/>
          <a:p>
            <a:fld id="{9455FD6B-C625-5648-A21C-8C0616A21821}" type="slidenum">
              <a:rPr lang="en-US" smtClean="0"/>
              <a:t>13</a:t>
            </a:fld>
            <a:endParaRPr lang="en-US" dirty="0"/>
          </a:p>
        </p:txBody>
      </p:sp>
    </p:spTree>
    <p:extLst>
      <p:ext uri="{BB962C8B-B14F-4D97-AF65-F5344CB8AC3E}">
        <p14:creationId xmlns:p14="http://schemas.microsoft.com/office/powerpoint/2010/main" val="94492518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 panel convened by HHS including physicians, nurses, policymakers and patient advocates identified similar key elements for a comprehensive shared care plan…</a:t>
            </a:r>
          </a:p>
          <a:p>
            <a:endParaRPr lang="en-US" dirty="0"/>
          </a:p>
          <a:p>
            <a:pPr>
              <a:lnSpc>
                <a:spcPct val="110000"/>
              </a:lnSpc>
            </a:pPr>
            <a:r>
              <a:rPr lang="en-US" sz="1200" b="0" dirty="0">
                <a:solidFill>
                  <a:srgbClr val="616265"/>
                </a:solidFill>
              </a:rPr>
              <a:t>Common themes:</a:t>
            </a:r>
          </a:p>
          <a:p>
            <a:pPr marL="342900" indent="-342900">
              <a:lnSpc>
                <a:spcPct val="110000"/>
              </a:lnSpc>
              <a:buFont typeface="Arial" panose="020B0604020202020204" pitchFamily="34" charset="0"/>
              <a:buChar char="•"/>
            </a:pPr>
            <a:r>
              <a:rPr lang="en-US" sz="1200" b="0" dirty="0">
                <a:solidFill>
                  <a:srgbClr val="616265"/>
                </a:solidFill>
              </a:rPr>
              <a:t>Person-centered/focus on person’s goals</a:t>
            </a:r>
          </a:p>
          <a:p>
            <a:pPr marL="342900" indent="-342900">
              <a:lnSpc>
                <a:spcPct val="110000"/>
              </a:lnSpc>
              <a:buFont typeface="Arial" panose="020B0604020202020204" pitchFamily="34" charset="0"/>
              <a:buChar char="•"/>
            </a:pPr>
            <a:r>
              <a:rPr lang="en-US" sz="1200" b="0" dirty="0">
                <a:solidFill>
                  <a:srgbClr val="616265"/>
                </a:solidFill>
              </a:rPr>
              <a:t>Access to information for all key stakeholders: clinicians (medical and community-based), patients, caregivers</a:t>
            </a:r>
          </a:p>
          <a:p>
            <a:pPr marL="342900" indent="-342900">
              <a:lnSpc>
                <a:spcPct val="110000"/>
              </a:lnSpc>
              <a:buFont typeface="Arial" panose="020B0604020202020204" pitchFamily="34" charset="0"/>
              <a:buChar char="•"/>
            </a:pPr>
            <a:r>
              <a:rPr lang="en-US" sz="1200" b="0" dirty="0">
                <a:solidFill>
                  <a:srgbClr val="616265"/>
                </a:solidFill>
              </a:rPr>
              <a:t>Follow the person over time</a:t>
            </a:r>
          </a:p>
        </p:txBody>
      </p:sp>
      <p:sp>
        <p:nvSpPr>
          <p:cNvPr id="4" name="Slide Number Placeholder 3"/>
          <p:cNvSpPr>
            <a:spLocks noGrp="1"/>
          </p:cNvSpPr>
          <p:nvPr>
            <p:ph type="sldNum" sz="quarter" idx="10"/>
          </p:nvPr>
        </p:nvSpPr>
        <p:spPr/>
        <p:txBody>
          <a:bodyPr/>
          <a:lstStyle/>
          <a:p>
            <a:fld id="{9455FD6B-C625-5648-A21C-8C0616A21821}" type="slidenum">
              <a:rPr lang="en-US" smtClean="0"/>
              <a:t>14</a:t>
            </a:fld>
            <a:endParaRPr lang="en-US" dirty="0"/>
          </a:p>
        </p:txBody>
      </p:sp>
    </p:spTree>
    <p:extLst>
      <p:ext uri="{BB962C8B-B14F-4D97-AF65-F5344CB8AC3E}">
        <p14:creationId xmlns:p14="http://schemas.microsoft.com/office/powerpoint/2010/main" val="373108260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31E4A95-0220-1B4E-9B7E-026A488D7857}" type="slidenum">
              <a:rPr lang="en-US" smtClean="0"/>
              <a:t>16</a:t>
            </a:fld>
            <a:endParaRPr lang="en-US" dirty="0"/>
          </a:p>
        </p:txBody>
      </p:sp>
    </p:spTree>
    <p:extLst>
      <p:ext uri="{BB962C8B-B14F-4D97-AF65-F5344CB8AC3E}">
        <p14:creationId xmlns:p14="http://schemas.microsoft.com/office/powerpoint/2010/main" val="310411285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31E4A95-0220-1B4E-9B7E-026A488D7857}" type="slidenum">
              <a:rPr lang="en-US" smtClean="0"/>
              <a:t>17</a:t>
            </a:fld>
            <a:endParaRPr lang="en-US" dirty="0"/>
          </a:p>
        </p:txBody>
      </p:sp>
    </p:spTree>
    <p:extLst>
      <p:ext uri="{BB962C8B-B14F-4D97-AF65-F5344CB8AC3E}">
        <p14:creationId xmlns:p14="http://schemas.microsoft.com/office/powerpoint/2010/main" val="301769895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6.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6.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6.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19F96C-B4DE-4B11-A080-84BAA30BD28C}"/>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6550EC83-5DD7-4CA9-8FD5-D4E757888873}"/>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BF493D78-F78E-4BAF-A209-D0C0246A8D93}"/>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5" name="Footer Placeholder 4">
            <a:extLst>
              <a:ext uri="{FF2B5EF4-FFF2-40B4-BE49-F238E27FC236}">
                <a16:creationId xmlns:a16="http://schemas.microsoft.com/office/drawing/2014/main" id="{CC330060-2AE9-40B5-917D-0658D3446F80}"/>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CB427CCA-EF97-4416-AC03-713A1D60FEFF}"/>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39851324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6BA953-3B04-41AB-886D-38A5CCDF73D5}"/>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A5D2829C-A657-4FF7-977F-B82D00588FE3}"/>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92100E49-A6E9-412E-8AD5-577528E6DEF4}"/>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5" name="Footer Placeholder 4">
            <a:extLst>
              <a:ext uri="{FF2B5EF4-FFF2-40B4-BE49-F238E27FC236}">
                <a16:creationId xmlns:a16="http://schemas.microsoft.com/office/drawing/2014/main" id="{228E2B51-C039-467A-B51A-244DF629518A}"/>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8876D26E-8120-4979-914E-462A088678EC}"/>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37059729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9A70CAED-C59C-4648-803A-D6154C95FA5E}"/>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21F3DAC3-7FE0-4017-BBEB-8CB41B4E8340}"/>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F18B175B-03EF-4C20-BB10-46329CF7C5FB}"/>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5" name="Footer Placeholder 4">
            <a:extLst>
              <a:ext uri="{FF2B5EF4-FFF2-40B4-BE49-F238E27FC236}">
                <a16:creationId xmlns:a16="http://schemas.microsoft.com/office/drawing/2014/main" id="{2C33F53F-1402-4653-B6DE-CEA971BC6207}"/>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827B970D-892B-428F-8D00-4F6668586B01}"/>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334325547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TITLE_O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1" name="Title 1"/>
          <p:cNvSpPr>
            <a:spLocks noGrp="1"/>
          </p:cNvSpPr>
          <p:nvPr>
            <p:ph type="title"/>
          </p:nvPr>
        </p:nvSpPr>
        <p:spPr>
          <a:xfrm>
            <a:off x="609601" y="213961"/>
            <a:ext cx="12082115" cy="1155779"/>
          </a:xfrm>
          <a:prstGeom prst="rect">
            <a:avLst/>
          </a:prstGeom>
        </p:spPr>
        <p:txBody>
          <a:bodyPr/>
          <a:lstStyle>
            <a:lvl1pPr algn="l">
              <a:lnSpc>
                <a:spcPts val="4000"/>
              </a:lnSpc>
              <a:defRPr sz="4267" b="1" baseline="0">
                <a:solidFill>
                  <a:schemeClr val="bg2"/>
                </a:solidFill>
                <a:effectLst/>
                <a:latin typeface="Calibri" pitchFamily="34" charset="0"/>
              </a:defRPr>
            </a:lvl1pPr>
          </a:lstStyle>
          <a:p>
            <a:endParaRPr lang="en-US" dirty="0"/>
          </a:p>
        </p:txBody>
      </p:sp>
      <p:sp>
        <p:nvSpPr>
          <p:cNvPr id="5" name="Subtitle 2"/>
          <p:cNvSpPr>
            <a:spLocks noGrp="1"/>
          </p:cNvSpPr>
          <p:nvPr>
            <p:ph type="subTitle" idx="1"/>
          </p:nvPr>
        </p:nvSpPr>
        <p:spPr>
          <a:xfrm>
            <a:off x="609600" y="3203632"/>
            <a:ext cx="8534400" cy="457200"/>
          </a:xfrm>
          <a:prstGeom prst="rect">
            <a:avLst/>
          </a:prstGeom>
        </p:spPr>
        <p:txBody>
          <a:bodyPr/>
          <a:lstStyle>
            <a:lvl1pPr marL="0" indent="0" algn="l">
              <a:buNone/>
              <a:defRPr sz="2667" b="1" baseline="0">
                <a:solidFill>
                  <a:schemeClr val="bg2"/>
                </a:solidFill>
                <a:effectLst/>
                <a:latin typeface="Calibri" pitchFamily="34" charset="0"/>
              </a:defRPr>
            </a:lvl1pPr>
            <a:lvl2pPr marL="609570" indent="0" algn="ctr">
              <a:buNone/>
              <a:defRPr>
                <a:solidFill>
                  <a:schemeClr val="tx1">
                    <a:tint val="75000"/>
                  </a:schemeClr>
                </a:solidFill>
              </a:defRPr>
            </a:lvl2pPr>
            <a:lvl3pPr marL="1219140" indent="0" algn="ctr">
              <a:buNone/>
              <a:defRPr>
                <a:solidFill>
                  <a:schemeClr val="tx1">
                    <a:tint val="75000"/>
                  </a:schemeClr>
                </a:solidFill>
              </a:defRPr>
            </a:lvl3pPr>
            <a:lvl4pPr marL="1828709" indent="0" algn="ctr">
              <a:buNone/>
              <a:defRPr>
                <a:solidFill>
                  <a:schemeClr val="tx1">
                    <a:tint val="75000"/>
                  </a:schemeClr>
                </a:solidFill>
              </a:defRPr>
            </a:lvl4pPr>
            <a:lvl5pPr marL="2438278" indent="0" algn="ctr">
              <a:buNone/>
              <a:defRPr>
                <a:solidFill>
                  <a:schemeClr val="tx1">
                    <a:tint val="75000"/>
                  </a:schemeClr>
                </a:solidFill>
              </a:defRPr>
            </a:lvl5pPr>
            <a:lvl6pPr marL="3047848" indent="0" algn="ctr">
              <a:buNone/>
              <a:defRPr>
                <a:solidFill>
                  <a:schemeClr val="tx1">
                    <a:tint val="75000"/>
                  </a:schemeClr>
                </a:solidFill>
              </a:defRPr>
            </a:lvl6pPr>
            <a:lvl7pPr marL="3657418" indent="0" algn="ctr">
              <a:buNone/>
              <a:defRPr>
                <a:solidFill>
                  <a:schemeClr val="tx1">
                    <a:tint val="75000"/>
                  </a:schemeClr>
                </a:solidFill>
              </a:defRPr>
            </a:lvl7pPr>
            <a:lvl8pPr marL="4266987" indent="0" algn="ctr">
              <a:buNone/>
              <a:defRPr>
                <a:solidFill>
                  <a:schemeClr val="tx1">
                    <a:tint val="75000"/>
                  </a:schemeClr>
                </a:solidFill>
              </a:defRPr>
            </a:lvl8pPr>
            <a:lvl9pPr marL="4876557" indent="0" algn="ctr">
              <a:buNone/>
              <a:defRPr>
                <a:solidFill>
                  <a:schemeClr val="tx1">
                    <a:tint val="75000"/>
                  </a:schemeClr>
                </a:solidFill>
              </a:defRPr>
            </a:lvl9pPr>
          </a:lstStyle>
          <a:p>
            <a:endParaRPr lang="en-US" dirty="0"/>
          </a:p>
        </p:txBody>
      </p:sp>
      <p:sp>
        <p:nvSpPr>
          <p:cNvPr id="9" name="Text Placeholder 8"/>
          <p:cNvSpPr>
            <a:spLocks noGrp="1"/>
          </p:cNvSpPr>
          <p:nvPr>
            <p:ph type="body" sz="quarter" idx="10"/>
          </p:nvPr>
        </p:nvSpPr>
        <p:spPr>
          <a:xfrm>
            <a:off x="609600" y="4864927"/>
            <a:ext cx="8534400" cy="1295400"/>
          </a:xfrm>
          <a:prstGeom prst="rect">
            <a:avLst/>
          </a:prstGeom>
        </p:spPr>
        <p:txBody>
          <a:bodyPr/>
          <a:lstStyle>
            <a:lvl1pPr marL="0" indent="0" algn="l">
              <a:lnSpc>
                <a:spcPts val="2667"/>
              </a:lnSpc>
              <a:buNone/>
              <a:defRPr sz="2400" baseline="0">
                <a:solidFill>
                  <a:schemeClr val="bg2"/>
                </a:solidFill>
                <a:latin typeface="Calibri" pitchFamily="34" charset="0"/>
              </a:defRPr>
            </a:lvl1pPr>
            <a:lvl2pPr algn="ctr">
              <a:defRPr>
                <a:solidFill>
                  <a:schemeClr val="tx2"/>
                </a:solidFill>
              </a:defRPr>
            </a:lvl2pPr>
            <a:lvl3pPr algn="ctr">
              <a:defRPr>
                <a:solidFill>
                  <a:schemeClr val="tx2"/>
                </a:solidFill>
              </a:defRPr>
            </a:lvl3pPr>
            <a:lvl4pPr algn="ctr">
              <a:defRPr>
                <a:solidFill>
                  <a:schemeClr val="tx2"/>
                </a:solidFill>
              </a:defRPr>
            </a:lvl4pPr>
            <a:lvl5pPr algn="ctr">
              <a:defRPr>
                <a:solidFill>
                  <a:schemeClr val="tx2"/>
                </a:solidFill>
              </a:defRPr>
            </a:lvl5pPr>
          </a:lstStyle>
          <a:p>
            <a:pPr lvl="0"/>
            <a:endParaRPr lang="en-US" dirty="0"/>
          </a:p>
        </p:txBody>
      </p:sp>
    </p:spTree>
    <p:extLst>
      <p:ext uri="{BB962C8B-B14F-4D97-AF65-F5344CB8AC3E}">
        <p14:creationId xmlns:p14="http://schemas.microsoft.com/office/powerpoint/2010/main" val="1580169604"/>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Text Slide - One Column">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80453DD3-CCEA-4C03-AC76-50A204E0DD65}"/>
              </a:ext>
            </a:extLst>
          </p:cNvPr>
          <p:cNvPicPr>
            <a:picLocks noChangeAspect="1"/>
          </p:cNvPicPr>
          <p:nvPr userDrawn="1"/>
        </p:nvPicPr>
        <p:blipFill rotWithShape="1">
          <a:blip r:embed="rId2"/>
          <a:srcRect t="60798"/>
          <a:stretch/>
        </p:blipFill>
        <p:spPr>
          <a:xfrm rot="10800000">
            <a:off x="0" y="5851492"/>
            <a:ext cx="12192000" cy="1006507"/>
          </a:xfrm>
          <a:prstGeom prst="rect">
            <a:avLst/>
          </a:prstGeom>
        </p:spPr>
      </p:pic>
      <p:sp>
        <p:nvSpPr>
          <p:cNvPr id="31" name="Title 30">
            <a:extLst>
              <a:ext uri="{FF2B5EF4-FFF2-40B4-BE49-F238E27FC236}">
                <a16:creationId xmlns:a16="http://schemas.microsoft.com/office/drawing/2014/main" id="{EB2B00A4-44A4-5444-BB95-619E809ACC9C}"/>
              </a:ext>
            </a:extLst>
          </p:cNvPr>
          <p:cNvSpPr>
            <a:spLocks noGrp="1"/>
          </p:cNvSpPr>
          <p:nvPr>
            <p:ph type="title" hasCustomPrompt="1"/>
          </p:nvPr>
        </p:nvSpPr>
        <p:spPr>
          <a:xfrm>
            <a:off x="571981" y="365126"/>
            <a:ext cx="11060575" cy="537700"/>
          </a:xfrm>
        </p:spPr>
        <p:txBody>
          <a:bodyPr anchor="t"/>
          <a:lstStyle>
            <a:lvl1pPr>
              <a:defRPr>
                <a:solidFill>
                  <a:schemeClr val="tx2"/>
                </a:solidFill>
              </a:defRPr>
            </a:lvl1pPr>
          </a:lstStyle>
          <a:p>
            <a:r>
              <a:rPr lang="en-US" dirty="0"/>
              <a:t>Heading - One Column</a:t>
            </a:r>
          </a:p>
        </p:txBody>
      </p:sp>
      <p:sp>
        <p:nvSpPr>
          <p:cNvPr id="3" name="Text Placeholder 2">
            <a:extLst>
              <a:ext uri="{FF2B5EF4-FFF2-40B4-BE49-F238E27FC236}">
                <a16:creationId xmlns:a16="http://schemas.microsoft.com/office/drawing/2014/main" id="{8650DFAB-2070-204C-BF31-9DB0441C0595}"/>
              </a:ext>
            </a:extLst>
          </p:cNvPr>
          <p:cNvSpPr>
            <a:spLocks noGrp="1"/>
          </p:cNvSpPr>
          <p:nvPr>
            <p:ph type="body" sz="quarter" idx="11" hasCustomPrompt="1"/>
          </p:nvPr>
        </p:nvSpPr>
        <p:spPr>
          <a:xfrm>
            <a:off x="569914" y="1757043"/>
            <a:ext cx="11060576" cy="3830957"/>
          </a:xfrm>
        </p:spPr>
        <p:txBody>
          <a:bodyPr numCol="2" spcCol="365760"/>
          <a:lstStyle>
            <a:lvl1pPr marL="228600" marR="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sz="1800"/>
            </a:lvl1pPr>
            <a:lvl2pPr marL="685800" marR="0"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lvl2pPr>
            <a:lvl3pPr marL="1143000" marR="0"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sz="1800"/>
            </a:lvl3pPr>
            <a:lvl4pPr marL="1600200" marR="0"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lvl4pPr>
            <a:lvl5pPr marL="1828800" marR="0" indent="0" algn="l" defTabSz="914400" rtl="0" eaLnBrk="1" fontAlgn="auto" latinLnBrk="0" hangingPunct="1">
              <a:lnSpc>
                <a:spcPct val="90000"/>
              </a:lnSpc>
              <a:spcBef>
                <a:spcPts val="500"/>
              </a:spcBef>
              <a:spcAft>
                <a:spcPts val="0"/>
              </a:spcAft>
              <a:buClrTx/>
              <a:buSzTx/>
              <a:buFont typeface="Arial" panose="020B0604020202020204" pitchFamily="34" charset="0"/>
              <a:buNone/>
              <a:tabLst/>
              <a:defRPr/>
            </a:lvl5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800" b="0" i="0" u="none" strike="noStrike" kern="1200" cap="none" spc="0" normalizeH="0" baseline="0" noProof="0" dirty="0">
                <a:ln>
                  <a:noFill/>
                </a:ln>
                <a:solidFill>
                  <a:srgbClr val="122C41"/>
                </a:solidFill>
                <a:effectLst/>
                <a:uLnTx/>
                <a:uFillTx/>
                <a:latin typeface="Gotham Rounded Book" pitchFamily="2" charset="77"/>
                <a:ea typeface="+mn-ea"/>
                <a:cs typeface="+mn-cs"/>
              </a:rPr>
              <a:t>Bullet</a:t>
            </a:r>
          </a:p>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122C41"/>
                </a:solidFill>
                <a:effectLst/>
                <a:uLnTx/>
                <a:uFillTx/>
                <a:latin typeface="Gotham Rounded Book" pitchFamily="2" charset="77"/>
                <a:ea typeface="+mn-ea"/>
                <a:cs typeface="+mn-cs"/>
              </a:rPr>
              <a:t>Second level</a:t>
            </a:r>
          </a:p>
          <a:p>
            <a:pPr marL="1143000" marR="0" lvl="2"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122C41"/>
                </a:solidFill>
                <a:effectLst/>
                <a:uLnTx/>
                <a:uFillTx/>
                <a:latin typeface="Gotham Rounded Book" pitchFamily="2" charset="77"/>
                <a:ea typeface="+mn-ea"/>
                <a:cs typeface="+mn-cs"/>
              </a:rPr>
              <a:t>Third level</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800" b="0" i="0" u="none" strike="noStrike" kern="1200" cap="none" spc="0" normalizeH="0" baseline="0" noProof="0" dirty="0">
                <a:ln>
                  <a:noFill/>
                </a:ln>
                <a:solidFill>
                  <a:srgbClr val="122C41"/>
                </a:solidFill>
                <a:effectLst/>
                <a:uLnTx/>
                <a:uFillTx/>
                <a:latin typeface="Gotham Rounded Book" pitchFamily="2" charset="77"/>
                <a:ea typeface="+mn-ea"/>
                <a:cs typeface="+mn-cs"/>
              </a:rPr>
              <a:t>Bullet</a:t>
            </a:r>
          </a:p>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122C41"/>
                </a:solidFill>
                <a:effectLst/>
                <a:uLnTx/>
                <a:uFillTx/>
                <a:latin typeface="Gotham Rounded Book" pitchFamily="2" charset="77"/>
                <a:ea typeface="+mn-ea"/>
                <a:cs typeface="+mn-cs"/>
              </a:rPr>
              <a:t>Second level</a:t>
            </a:r>
          </a:p>
          <a:p>
            <a:pPr marL="1143000" marR="0" lvl="2"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122C41"/>
                </a:solidFill>
                <a:effectLst/>
                <a:uLnTx/>
                <a:uFillTx/>
                <a:latin typeface="Gotham Rounded Book" pitchFamily="2" charset="77"/>
                <a:ea typeface="+mn-ea"/>
                <a:cs typeface="+mn-cs"/>
              </a:rPr>
              <a:t>Third level</a:t>
            </a:r>
            <a:endParaRPr lang="en-US" dirty="0"/>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800" b="0" i="0" u="none" strike="noStrike" kern="1200" cap="none" spc="0" normalizeH="0" baseline="0" noProof="0" dirty="0">
                <a:ln>
                  <a:noFill/>
                </a:ln>
                <a:solidFill>
                  <a:srgbClr val="122C41"/>
                </a:solidFill>
                <a:effectLst/>
                <a:uLnTx/>
                <a:uFillTx/>
                <a:latin typeface="Gotham Rounded Book" pitchFamily="2" charset="77"/>
                <a:ea typeface="+mn-ea"/>
                <a:cs typeface="+mn-cs"/>
              </a:rPr>
              <a:t>Bullet</a:t>
            </a:r>
          </a:p>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122C41"/>
                </a:solidFill>
                <a:effectLst/>
                <a:uLnTx/>
                <a:uFillTx/>
                <a:latin typeface="Gotham Rounded Book" pitchFamily="2" charset="77"/>
                <a:ea typeface="+mn-ea"/>
                <a:cs typeface="+mn-cs"/>
              </a:rPr>
              <a:t>Second level</a:t>
            </a:r>
          </a:p>
          <a:p>
            <a:pPr marL="1143000" marR="0" lvl="2"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srgbClr val="122C41"/>
                </a:solidFill>
                <a:effectLst/>
                <a:uLnTx/>
                <a:uFillTx/>
                <a:latin typeface="Gotham Rounded Book" pitchFamily="2" charset="77"/>
                <a:ea typeface="+mn-ea"/>
                <a:cs typeface="+mn-cs"/>
              </a:rPr>
              <a:t>Third level</a:t>
            </a:r>
            <a:endParaRPr lang="en-US" dirty="0"/>
          </a:p>
          <a:p>
            <a:pPr marL="1143000" marR="0" lvl="2"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endParaRPr lang="en-US" dirty="0"/>
          </a:p>
        </p:txBody>
      </p:sp>
      <p:sp>
        <p:nvSpPr>
          <p:cNvPr id="14" name="Slide Number Placeholder 5">
            <a:extLst>
              <a:ext uri="{FF2B5EF4-FFF2-40B4-BE49-F238E27FC236}">
                <a16:creationId xmlns:a16="http://schemas.microsoft.com/office/drawing/2014/main" id="{648D2C72-75CE-AF4E-AF0B-15BD60BFFB01}"/>
              </a:ext>
            </a:extLst>
          </p:cNvPr>
          <p:cNvSpPr txBox="1">
            <a:spLocks/>
          </p:cNvSpPr>
          <p:nvPr userDrawn="1"/>
        </p:nvSpPr>
        <p:spPr>
          <a:xfrm>
            <a:off x="69449" y="6446576"/>
            <a:ext cx="663616" cy="365125"/>
          </a:xfrm>
          <a:prstGeom prst="rect">
            <a:avLst/>
          </a:prstGeom>
        </p:spPr>
        <p:txBody>
          <a:bodyPr vert="horz" lIns="91440" tIns="45720" rIns="91440" bIns="45720" rtlCol="0" anchor="ctr"/>
          <a:lstStyle>
            <a:defPPr>
              <a:defRPr lang="en-US"/>
            </a:defPPr>
            <a:lvl1pPr marL="0" algn="r" defTabSz="914400" rtl="0" eaLnBrk="1" latinLnBrk="0" hangingPunct="1">
              <a:defRPr sz="1400" b="0" i="0" kern="1200">
                <a:solidFill>
                  <a:schemeClr val="bg1"/>
                </a:solidFill>
                <a:latin typeface="Gotham Rounded Medium" pitchFamily="2" charset="77"/>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fld id="{3A80835D-B527-4B60-9321-B0FEC3043A53}" type="slidenum">
              <a:rPr lang="en-US" sz="1400" smtClean="0"/>
              <a:pPr algn="l"/>
              <a:t>‹#›</a:t>
            </a:fld>
            <a:endParaRPr lang="en-US" sz="1400" dirty="0"/>
          </a:p>
        </p:txBody>
      </p:sp>
      <p:sp>
        <p:nvSpPr>
          <p:cNvPr id="15" name="Footer Placeholder 12">
            <a:extLst>
              <a:ext uri="{FF2B5EF4-FFF2-40B4-BE49-F238E27FC236}">
                <a16:creationId xmlns:a16="http://schemas.microsoft.com/office/drawing/2014/main" id="{B2529E82-448C-1745-8E57-76443BAF3CAD}"/>
              </a:ext>
            </a:extLst>
          </p:cNvPr>
          <p:cNvSpPr txBox="1">
            <a:spLocks/>
          </p:cNvSpPr>
          <p:nvPr userDrawn="1"/>
        </p:nvSpPr>
        <p:spPr>
          <a:xfrm>
            <a:off x="570078" y="6423425"/>
            <a:ext cx="11598771" cy="411426"/>
          </a:xfrm>
          <a:prstGeom prst="rect">
            <a:avLst/>
          </a:prstGeom>
        </p:spPr>
        <p:txBody>
          <a:bodyPr vert="horz" lIns="0" tIns="0" rIns="0" bIns="0" rtlCol="0" anchor="ctr"/>
          <a:lstStyle>
            <a:defPPr>
              <a:defRPr lang="en-US"/>
            </a:defPPr>
            <a:lvl1pPr marL="0" algn="r" defTabSz="914400" rtl="0" eaLnBrk="1" latinLnBrk="0" hangingPunct="1">
              <a:lnSpc>
                <a:spcPct val="130000"/>
              </a:lnSpc>
              <a:defRPr sz="1400" b="0" i="0" kern="1200">
                <a:solidFill>
                  <a:schemeClr val="bg1"/>
                </a:solidFill>
                <a:latin typeface="Gotham Rounded Medium" pitchFamily="2" charset="77"/>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sz="1400" dirty="0">
                <a:latin typeface="Gotham Rounded Book" pitchFamily="50" charset="0"/>
              </a:rPr>
              <a:t>Division of Cancer Prevention and Control	                                                        	               Reliable. Trusted. Scientific.</a:t>
            </a:r>
          </a:p>
        </p:txBody>
      </p:sp>
      <p:sp>
        <p:nvSpPr>
          <p:cNvPr id="4" name="Text Placeholder 3">
            <a:extLst>
              <a:ext uri="{FF2B5EF4-FFF2-40B4-BE49-F238E27FC236}">
                <a16:creationId xmlns:a16="http://schemas.microsoft.com/office/drawing/2014/main" id="{CC3F8601-700F-40DD-A027-9AE61FC8ADBD}"/>
              </a:ext>
            </a:extLst>
          </p:cNvPr>
          <p:cNvSpPr>
            <a:spLocks noGrp="1"/>
          </p:cNvSpPr>
          <p:nvPr>
            <p:ph type="body" sz="quarter" idx="12" hasCustomPrompt="1"/>
          </p:nvPr>
        </p:nvSpPr>
        <p:spPr>
          <a:xfrm>
            <a:off x="569913" y="1069584"/>
            <a:ext cx="11060575" cy="537700"/>
          </a:xfrm>
        </p:spPr>
        <p:txBody>
          <a:bodyPr/>
          <a:lstStyle>
            <a:lvl1pPr marL="0" indent="0">
              <a:buNone/>
              <a:defRPr lang="en-US" sz="1800" b="0" i="0" kern="1200" dirty="0">
                <a:solidFill>
                  <a:schemeClr val="bg2"/>
                </a:solidFill>
                <a:latin typeface="Gotham Rounded Book" pitchFamily="2" charset="77"/>
                <a:ea typeface="+mn-ea"/>
                <a:cs typeface="+mn-cs"/>
              </a:defRPr>
            </a:lvl1pPr>
          </a:lstStyle>
          <a:p>
            <a:pPr lvl="0"/>
            <a:r>
              <a:rPr lang="en-US" sz="1800" b="0" i="0" kern="1200" dirty="0">
                <a:solidFill>
                  <a:schemeClr val="bg2"/>
                </a:solidFill>
                <a:latin typeface="Gotham Rounded Book" pitchFamily="2" charset="77"/>
                <a:ea typeface="+mn-ea"/>
                <a:cs typeface="+mn-cs"/>
              </a:rPr>
              <a:t>Subheading</a:t>
            </a:r>
            <a:endParaRPr lang="en-US" dirty="0"/>
          </a:p>
        </p:txBody>
      </p:sp>
    </p:spTree>
    <p:extLst>
      <p:ext uri="{BB962C8B-B14F-4D97-AF65-F5344CB8AC3E}">
        <p14:creationId xmlns:p14="http://schemas.microsoft.com/office/powerpoint/2010/main" val="23593840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stretch>
            <a:fillRect/>
          </a:stretch>
        </p:blipFill>
        <p:spPr>
          <a:xfrm>
            <a:off x="-10054" y="5852073"/>
            <a:ext cx="12193057" cy="1005927"/>
          </a:xfrm>
          <a:prstGeom prst="rect">
            <a:avLst/>
          </a:prstGeom>
        </p:spPr>
      </p:pic>
      <p:sp>
        <p:nvSpPr>
          <p:cNvPr id="2" name="Title 1"/>
          <p:cNvSpPr>
            <a:spLocks noGrp="1"/>
          </p:cNvSpPr>
          <p:nvPr>
            <p:ph type="title" hasCustomPrompt="1"/>
          </p:nvPr>
        </p:nvSpPr>
        <p:spPr>
          <a:xfrm>
            <a:off x="838200" y="491636"/>
            <a:ext cx="10515600" cy="566928"/>
          </a:xfrm>
        </p:spPr>
        <p:txBody>
          <a:bodyPr anchor="t">
            <a:noAutofit/>
          </a:bodyPr>
          <a:lstStyle>
            <a:lvl1pPr>
              <a:defRPr sz="3600" b="1">
                <a:solidFill>
                  <a:srgbClr val="002F59"/>
                </a:solidFill>
                <a:latin typeface="Century Gothic" panose="020B0502020202020204" pitchFamily="34" charset="0"/>
              </a:defRPr>
            </a:lvl1pPr>
          </a:lstStyle>
          <a:p>
            <a:r>
              <a:rPr lang="en-US" dirty="0"/>
              <a:t>One Column</a:t>
            </a:r>
          </a:p>
        </p:txBody>
      </p:sp>
      <p:sp>
        <p:nvSpPr>
          <p:cNvPr id="3" name="Content Placeholder 2"/>
          <p:cNvSpPr>
            <a:spLocks noGrp="1"/>
          </p:cNvSpPr>
          <p:nvPr>
            <p:ph idx="1"/>
          </p:nvPr>
        </p:nvSpPr>
        <p:spPr>
          <a:xfrm>
            <a:off x="838200" y="1133856"/>
            <a:ext cx="10515600" cy="4744139"/>
          </a:xfrm>
        </p:spPr>
        <p:txBody>
          <a:bodyPr/>
          <a:lstStyle>
            <a:lvl1pPr>
              <a:defRPr>
                <a:solidFill>
                  <a:srgbClr val="002F59"/>
                </a:solidFill>
                <a:latin typeface="Century Gothic" panose="020B0502020202020204" pitchFamily="34" charset="0"/>
              </a:defRPr>
            </a:lvl1pPr>
            <a:lvl2pPr>
              <a:buClr>
                <a:srgbClr val="999E40"/>
              </a:buClr>
              <a:defRPr>
                <a:solidFill>
                  <a:srgbClr val="002F59"/>
                </a:solidFill>
                <a:latin typeface="Century Gothic" panose="020B0502020202020204" pitchFamily="34" charset="0"/>
              </a:defRPr>
            </a:lvl2pPr>
            <a:lvl3pPr marL="1143000" indent="-228600">
              <a:buFont typeface="Wingdings" panose="05000000000000000000" pitchFamily="2" charset="2"/>
              <a:buChar char="§"/>
              <a:defRPr>
                <a:solidFill>
                  <a:srgbClr val="002F59"/>
                </a:solidFill>
                <a:latin typeface="Century Gothic" panose="020B0502020202020204" pitchFamily="34" charset="0"/>
              </a:defRPr>
            </a:lvl3pPr>
            <a:lvl4pPr>
              <a:defRPr>
                <a:solidFill>
                  <a:srgbClr val="002F59"/>
                </a:solidFill>
                <a:latin typeface="Century Gothic" panose="020B0502020202020204" pitchFamily="34" charset="0"/>
              </a:defRPr>
            </a:lvl4pPr>
            <a:lvl5pPr>
              <a:defRPr>
                <a:solidFill>
                  <a:srgbClr val="002F59"/>
                </a:solidFill>
                <a:latin typeface="Century Gothic" panose="020B0502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AutoShape 3"/>
          <p:cNvSpPr>
            <a:spLocks noChangeAspect="1" noChangeArrowheads="1" noTextEdit="1"/>
          </p:cNvSpPr>
          <p:nvPr/>
        </p:nvSpPr>
        <p:spPr bwMode="auto">
          <a:xfrm>
            <a:off x="944880" y="6512560"/>
            <a:ext cx="12192000" cy="139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6" name="Text Placeholder 5"/>
          <p:cNvSpPr>
            <a:spLocks noGrp="1"/>
          </p:cNvSpPr>
          <p:nvPr>
            <p:ph type="body" sz="quarter" idx="10" hasCustomPrompt="1"/>
          </p:nvPr>
        </p:nvSpPr>
        <p:spPr>
          <a:xfrm>
            <a:off x="57150" y="5877996"/>
            <a:ext cx="12058650" cy="256032"/>
          </a:xfrm>
        </p:spPr>
        <p:txBody>
          <a:bodyPr>
            <a:noAutofit/>
          </a:bodyPr>
          <a:lstStyle>
            <a:lvl1pPr marL="0" indent="0">
              <a:buNone/>
              <a:defRPr sz="1200">
                <a:solidFill>
                  <a:schemeClr val="bg1">
                    <a:lumMod val="50000"/>
                  </a:schemeClr>
                </a:solidFill>
              </a:defRPr>
            </a:lvl1pPr>
            <a:lvl2pPr>
              <a:defRPr sz="1200"/>
            </a:lvl2pPr>
            <a:lvl3pPr>
              <a:defRPr sz="1200"/>
            </a:lvl3pPr>
            <a:lvl4pPr>
              <a:defRPr sz="1200"/>
            </a:lvl4pPr>
            <a:lvl5pPr>
              <a:defRPr sz="1200"/>
            </a:lvl5pPr>
          </a:lstStyle>
          <a:p>
            <a:pPr lvl="0"/>
            <a:r>
              <a:rPr lang="en-US" dirty="0"/>
              <a:t>Caption</a:t>
            </a:r>
          </a:p>
        </p:txBody>
      </p:sp>
      <p:sp>
        <p:nvSpPr>
          <p:cNvPr id="22" name="Slide Number Placeholder 5">
            <a:extLst>
              <a:ext uri="{FF2B5EF4-FFF2-40B4-BE49-F238E27FC236}">
                <a16:creationId xmlns:a16="http://schemas.microsoft.com/office/drawing/2014/main" id="{A4D17E6C-88A5-4533-9D87-DA064254D01A}"/>
              </a:ext>
            </a:extLst>
          </p:cNvPr>
          <p:cNvSpPr txBox="1">
            <a:spLocks/>
          </p:cNvSpPr>
          <p:nvPr userDrawn="1"/>
        </p:nvSpPr>
        <p:spPr>
          <a:xfrm>
            <a:off x="69449" y="6469725"/>
            <a:ext cx="663616" cy="365125"/>
          </a:xfrm>
          <a:prstGeom prst="rect">
            <a:avLst/>
          </a:prstGeom>
        </p:spPr>
        <p:txBody>
          <a:bodyPr vert="horz" lIns="91440" tIns="45720" rIns="91440" bIns="45720" rtlCol="0" anchor="b"/>
          <a:lstStyle>
            <a:defPPr>
              <a:defRPr lang="en-US"/>
            </a:defPPr>
            <a:lvl1pPr marL="0" algn="r" defTabSz="914400" rtl="0" eaLnBrk="1" latinLnBrk="0" hangingPunct="1">
              <a:defRPr sz="1400" b="0" i="0" kern="1200">
                <a:solidFill>
                  <a:schemeClr val="bg1"/>
                </a:solidFill>
                <a:latin typeface="Gotham Rounded Medium" pitchFamily="2" charset="77"/>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fld id="{3A80835D-B527-4B60-9321-B0FEC3043A53}" type="slidenum">
              <a:rPr lang="en-US" sz="1400" smtClean="0">
                <a:solidFill>
                  <a:schemeClr val="bg1"/>
                </a:solidFill>
              </a:rPr>
              <a:pPr algn="l"/>
              <a:t>‹#›</a:t>
            </a:fld>
            <a:endParaRPr lang="en-US" sz="1400" dirty="0">
              <a:solidFill>
                <a:schemeClr val="bg1"/>
              </a:solidFill>
            </a:endParaRPr>
          </a:p>
        </p:txBody>
      </p:sp>
      <p:sp>
        <p:nvSpPr>
          <p:cNvPr id="23" name="Footer Placeholder 12">
            <a:extLst>
              <a:ext uri="{FF2B5EF4-FFF2-40B4-BE49-F238E27FC236}">
                <a16:creationId xmlns:a16="http://schemas.microsoft.com/office/drawing/2014/main" id="{DFB85663-5066-4190-A120-DE552C29F32A}"/>
              </a:ext>
            </a:extLst>
          </p:cNvPr>
          <p:cNvSpPr txBox="1">
            <a:spLocks/>
          </p:cNvSpPr>
          <p:nvPr userDrawn="1"/>
        </p:nvSpPr>
        <p:spPr>
          <a:xfrm>
            <a:off x="570079" y="6512559"/>
            <a:ext cx="11190122" cy="322291"/>
          </a:xfrm>
          <a:prstGeom prst="rect">
            <a:avLst/>
          </a:prstGeom>
        </p:spPr>
        <p:txBody>
          <a:bodyPr vert="horz" lIns="0" tIns="0" rIns="0" bIns="0" rtlCol="0" anchor="b"/>
          <a:lstStyle>
            <a:defPPr>
              <a:defRPr lang="en-US"/>
            </a:defPPr>
            <a:lvl1pPr marL="0" algn="r" defTabSz="914400" rtl="0" eaLnBrk="1" latinLnBrk="0" hangingPunct="1">
              <a:lnSpc>
                <a:spcPct val="130000"/>
              </a:lnSpc>
              <a:defRPr sz="1400" b="0" i="0" kern="1200">
                <a:solidFill>
                  <a:schemeClr val="bg1"/>
                </a:solidFill>
                <a:latin typeface="Gotham Rounded Medium" pitchFamily="2" charset="77"/>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sz="1400" dirty="0">
                <a:solidFill>
                  <a:schemeClr val="bg1"/>
                </a:solidFill>
              </a:rPr>
              <a:t>Division for Cancer Prevention and Control					                                   Reliable. Trusted. Scientific.</a:t>
            </a:r>
          </a:p>
        </p:txBody>
      </p:sp>
    </p:spTree>
    <p:extLst>
      <p:ext uri="{BB962C8B-B14F-4D97-AF65-F5344CB8AC3E}">
        <p14:creationId xmlns:p14="http://schemas.microsoft.com/office/powerpoint/2010/main" val="112585152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8"/>
            <a:ext cx="10363200" cy="1470025"/>
          </a:xfrm>
        </p:spPr>
        <p:txBody>
          <a:bodyPr/>
          <a:lstStyle>
            <a:lvl1pPr algn="ctr">
              <a:defRPr/>
            </a:lvl1pPr>
          </a:lstStyle>
          <a:p>
            <a:r>
              <a:rPr lang="en-US" dirty="0"/>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4" name="Date Placeholder 3"/>
          <p:cNvSpPr>
            <a:spLocks noGrp="1"/>
          </p:cNvSpPr>
          <p:nvPr>
            <p:ph type="dt" sz="half" idx="10"/>
          </p:nvPr>
        </p:nvSpPr>
        <p:spPr/>
        <p:txBody>
          <a:bodyPr/>
          <a:lstStyle/>
          <a:p>
            <a:fld id="{BA810FEF-330C-4E1A-A684-9B2DF34DF418}"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09600" y="1371600"/>
            <a:ext cx="10972800" cy="914400"/>
          </a:xfrm>
        </p:spPr>
        <p:txBody>
          <a:bodyPr>
            <a:normAutofit/>
          </a:bodyPr>
          <a:lstStyle>
            <a:lvl1pPr marL="0" indent="0" algn="l">
              <a:lnSpc>
                <a:spcPct val="100000"/>
              </a:lnSpc>
              <a:defRPr sz="3600"/>
            </a:lvl1pPr>
          </a:lstStyle>
          <a:p>
            <a:r>
              <a:rPr lang="en-US" dirty="0"/>
              <a:t>Click to edit Master title style</a:t>
            </a:r>
          </a:p>
        </p:txBody>
      </p:sp>
      <p:sp>
        <p:nvSpPr>
          <p:cNvPr id="3" name="Content Placeholder 2"/>
          <p:cNvSpPr>
            <a:spLocks noGrp="1"/>
          </p:cNvSpPr>
          <p:nvPr>
            <p:ph idx="1"/>
          </p:nvPr>
        </p:nvSpPr>
        <p:spPr>
          <a:xfrm>
            <a:off x="609600" y="2468880"/>
            <a:ext cx="10972800" cy="3657600"/>
          </a:xfrm>
        </p:spPr>
        <p:txBody>
          <a:bodyPr/>
          <a:lstStyle>
            <a:lvl1pPr marL="342900" indent="-342900">
              <a:buClr>
                <a:schemeClr val="tx2"/>
              </a:buClr>
              <a:buFont typeface="Arial" pitchFamily="34" charset="0"/>
              <a:buChar char="•"/>
              <a:defRPr sz="2800"/>
            </a:lvl1pPr>
            <a:lvl2pPr marL="742950" indent="-285750">
              <a:buClr>
                <a:schemeClr val="tx2"/>
              </a:buClr>
              <a:buFont typeface="Arial" pitchFamily="34" charset="0"/>
              <a:buChar char="–"/>
              <a:defRPr sz="2400"/>
            </a:lvl2pPr>
            <a:lvl3pPr marL="1143000" indent="-223838">
              <a:buClr>
                <a:schemeClr val="tx2"/>
              </a:buClr>
              <a:buFont typeface="Wingdings" pitchFamily="2" charset="2"/>
              <a:buChar char="§"/>
              <a:tabLst/>
              <a:defRPr sz="2000"/>
            </a:lvl3pPr>
            <a:lvl4pPr marL="1428750" indent="-228600">
              <a:buClr>
                <a:schemeClr val="tx2"/>
              </a:buClr>
              <a:buSzPct val="80000"/>
              <a:buFont typeface="Wingdings" pitchFamily="2" charset="2"/>
              <a:buChar char="v"/>
              <a:defRPr sz="1800"/>
            </a:lvl4pPr>
            <a:lvl5pPr marL="1714500" indent="-228600">
              <a:buClr>
                <a:schemeClr val="tx2"/>
              </a:buClr>
              <a:defRPr sz="16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BA810FEF-330C-4E1A-A684-9B2DF34DF418}"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3"/>
            <a:ext cx="10363200" cy="1362075"/>
          </a:xfrm>
        </p:spPr>
        <p:txBody>
          <a:bodyPr anchor="t">
            <a:normAutofit/>
          </a:bodyPr>
          <a:lstStyle>
            <a:lvl1pPr algn="l">
              <a:defRPr sz="3600" b="0" cap="all"/>
            </a:lvl1pPr>
          </a:lstStyle>
          <a:p>
            <a:r>
              <a:rPr lang="en-US" dirty="0"/>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dit Master text styles</a:t>
            </a:r>
          </a:p>
        </p:txBody>
      </p:sp>
      <p:sp>
        <p:nvSpPr>
          <p:cNvPr id="4" name="Date Placeholder 3"/>
          <p:cNvSpPr>
            <a:spLocks noGrp="1"/>
          </p:cNvSpPr>
          <p:nvPr>
            <p:ph type="dt" sz="half" idx="10"/>
          </p:nvPr>
        </p:nvSpPr>
        <p:spPr/>
        <p:txBody>
          <a:bodyPr/>
          <a:lstStyle/>
          <a:p>
            <a:fld id="{BA810FEF-330C-4E1A-A684-9B2DF34DF418}"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609600" y="1371600"/>
            <a:ext cx="10972800" cy="914757"/>
          </a:xfrm>
        </p:spPr>
        <p:txBody>
          <a:bodyPr/>
          <a:lstStyle/>
          <a:p>
            <a:r>
              <a:rPr lang="en-US" dirty="0"/>
              <a:t>Click to edit Master title style</a:t>
            </a:r>
          </a:p>
        </p:txBody>
      </p:sp>
      <p:sp>
        <p:nvSpPr>
          <p:cNvPr id="3" name="Content Placeholder 2"/>
          <p:cNvSpPr>
            <a:spLocks noGrp="1"/>
          </p:cNvSpPr>
          <p:nvPr>
            <p:ph sz="half" idx="1"/>
          </p:nvPr>
        </p:nvSpPr>
        <p:spPr>
          <a:xfrm>
            <a:off x="609600" y="2428876"/>
            <a:ext cx="5384800" cy="369728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6197600" y="2428876"/>
            <a:ext cx="5384800" cy="3697288"/>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BA810FEF-330C-4E1A-A684-9B2DF34DF418}" type="datetimeFigureOut">
              <a:rPr lang="en-US" smtClean="0"/>
              <a:pPr/>
              <a:t>7/21/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dirty="0"/>
              <a:t>Click to edit Master title style</a:t>
            </a:r>
          </a:p>
        </p:txBody>
      </p:sp>
      <p:sp>
        <p:nvSpPr>
          <p:cNvPr id="3" name="Text Placeholder 2"/>
          <p:cNvSpPr>
            <a:spLocks noGrp="1"/>
          </p:cNvSpPr>
          <p:nvPr>
            <p:ph type="body" idx="1"/>
          </p:nvPr>
        </p:nvSpPr>
        <p:spPr>
          <a:xfrm>
            <a:off x="609600" y="23352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609600" y="3048002"/>
            <a:ext cx="5386917" cy="3078163"/>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6193369" y="23352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6" name="Content Placeholder 5"/>
          <p:cNvSpPr>
            <a:spLocks noGrp="1"/>
          </p:cNvSpPr>
          <p:nvPr>
            <p:ph sz="quarter" idx="4"/>
          </p:nvPr>
        </p:nvSpPr>
        <p:spPr>
          <a:xfrm>
            <a:off x="6193369" y="3048002"/>
            <a:ext cx="5389033" cy="3078163"/>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BA810FEF-330C-4E1A-A684-9B2DF34DF418}" type="datetimeFigureOut">
              <a:rPr lang="en-US" smtClean="0"/>
              <a:pPr/>
              <a:t>7/21/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42CF78-E187-4072-B96B-F2F9F2C4B066}"/>
              </a:ext>
            </a:extLst>
          </p:cNvPr>
          <p:cNvSpPr>
            <a:spLocks noGrp="1"/>
          </p:cNvSpPr>
          <p:nvPr>
            <p:ph type="title"/>
          </p:nvPr>
        </p:nvSpPr>
        <p:spPr/>
        <p:txBody>
          <a:bodyPr/>
          <a:lstStyle>
            <a:lvl1pPr>
              <a:defRPr b="1">
                <a:solidFill>
                  <a:srgbClr val="0070C0"/>
                </a:solidFill>
                <a:latin typeface="+mn-lt"/>
              </a:defRPr>
            </a:lvl1pPr>
          </a:lstStyle>
          <a:p>
            <a:r>
              <a:rPr lang="en-US"/>
              <a:t>Click to edit Master title style</a:t>
            </a:r>
          </a:p>
        </p:txBody>
      </p:sp>
      <p:sp>
        <p:nvSpPr>
          <p:cNvPr id="3" name="Content Placeholder 2">
            <a:extLst>
              <a:ext uri="{FF2B5EF4-FFF2-40B4-BE49-F238E27FC236}">
                <a16:creationId xmlns:a16="http://schemas.microsoft.com/office/drawing/2014/main" id="{7C7A1F33-1BB5-4323-BB9B-72587D9BA0F9}"/>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26493BDC-0B4E-4F3D-B7D0-C5A93F281833}"/>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5" name="Footer Placeholder 4">
            <a:extLst>
              <a:ext uri="{FF2B5EF4-FFF2-40B4-BE49-F238E27FC236}">
                <a16:creationId xmlns:a16="http://schemas.microsoft.com/office/drawing/2014/main" id="{9748A052-E8E7-45B2-A9F9-7B5ED1385B31}"/>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4C443D06-3C0A-4B0E-A25D-BB5ED30289BA}"/>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63581520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Date Placeholder 2"/>
          <p:cNvSpPr>
            <a:spLocks noGrp="1"/>
          </p:cNvSpPr>
          <p:nvPr>
            <p:ph type="dt" sz="half" idx="10"/>
          </p:nvPr>
        </p:nvSpPr>
        <p:spPr/>
        <p:txBody>
          <a:bodyPr/>
          <a:lstStyle/>
          <a:p>
            <a:fld id="{BA810FEF-330C-4E1A-A684-9B2DF34DF418}" type="datetimeFigureOut">
              <a:rPr lang="en-US" smtClean="0"/>
              <a:pPr/>
              <a:t>7/21/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BA810FEF-330C-4E1A-A684-9B2DF34DF418}" type="datetimeFigureOut">
              <a:rPr lang="en-US" smtClean="0"/>
              <a:pPr/>
              <a:t>7/21/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2" y="1311275"/>
            <a:ext cx="4011084" cy="1162050"/>
          </a:xfrm>
        </p:spPr>
        <p:txBody>
          <a:bodyPr anchor="b"/>
          <a:lstStyle>
            <a:lvl1pPr algn="l">
              <a:defRPr sz="2000" b="1"/>
            </a:lvl1pPr>
          </a:lstStyle>
          <a:p>
            <a:r>
              <a:rPr lang="en-US" dirty="0"/>
              <a:t>Click to edit Master title style</a:t>
            </a:r>
          </a:p>
        </p:txBody>
      </p:sp>
      <p:sp>
        <p:nvSpPr>
          <p:cNvPr id="3" name="Content Placeholder 2"/>
          <p:cNvSpPr>
            <a:spLocks noGrp="1"/>
          </p:cNvSpPr>
          <p:nvPr>
            <p:ph idx="1"/>
          </p:nvPr>
        </p:nvSpPr>
        <p:spPr>
          <a:xfrm>
            <a:off x="4766733" y="1304925"/>
            <a:ext cx="6815667" cy="4821238"/>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609602" y="2600326"/>
            <a:ext cx="4011084" cy="352583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5" name="Date Placeholder 4"/>
          <p:cNvSpPr>
            <a:spLocks noGrp="1"/>
          </p:cNvSpPr>
          <p:nvPr>
            <p:ph type="dt" sz="half" idx="10"/>
          </p:nvPr>
        </p:nvSpPr>
        <p:spPr/>
        <p:txBody>
          <a:bodyPr/>
          <a:lstStyle/>
          <a:p>
            <a:fld id="{BA810FEF-330C-4E1A-A684-9B2DF34DF418}" type="datetimeFigureOut">
              <a:rPr lang="en-US" smtClean="0"/>
              <a:pPr/>
              <a:t>7/21/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dirty="0"/>
              <a:t>Click to edit Master title style</a:t>
            </a:r>
          </a:p>
        </p:txBody>
      </p:sp>
      <p:sp>
        <p:nvSpPr>
          <p:cNvPr id="3" name="Picture Placeholder 2"/>
          <p:cNvSpPr>
            <a:spLocks noGrp="1"/>
          </p:cNvSpPr>
          <p:nvPr>
            <p:ph type="pic" idx="1"/>
          </p:nvPr>
        </p:nvSpPr>
        <p:spPr>
          <a:xfrm>
            <a:off x="2389717" y="1333502"/>
            <a:ext cx="7315200" cy="339407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5" name="Date Placeholder 4"/>
          <p:cNvSpPr>
            <a:spLocks noGrp="1"/>
          </p:cNvSpPr>
          <p:nvPr>
            <p:ph type="dt" sz="half" idx="10"/>
          </p:nvPr>
        </p:nvSpPr>
        <p:spPr/>
        <p:txBody>
          <a:bodyPr/>
          <a:lstStyle/>
          <a:p>
            <a:fld id="{BA810FEF-330C-4E1A-A684-9B2DF34DF418}" type="datetimeFigureOut">
              <a:rPr lang="en-US" smtClean="0"/>
              <a:pPr/>
              <a:t>7/21/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a:xfrm>
            <a:off x="609600" y="2464595"/>
            <a:ext cx="10972800" cy="3212306"/>
          </a:xfrm>
        </p:spPr>
        <p:txBody>
          <a:bodyPr vert="eaVert"/>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BA810FEF-330C-4E1A-A684-9B2DF34DF418}"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1590678"/>
            <a:ext cx="2743200" cy="4124325"/>
          </a:xfrm>
        </p:spPr>
        <p:txBody>
          <a:bodyPr vert="eaVert"/>
          <a:lstStyle/>
          <a:p>
            <a:r>
              <a:rPr lang="en-US" dirty="0"/>
              <a:t>Click to edit Master title style</a:t>
            </a:r>
          </a:p>
        </p:txBody>
      </p:sp>
      <p:sp>
        <p:nvSpPr>
          <p:cNvPr id="3" name="Vertical Text Placeholder 2"/>
          <p:cNvSpPr>
            <a:spLocks noGrp="1"/>
          </p:cNvSpPr>
          <p:nvPr>
            <p:ph type="body" orient="vert" idx="1"/>
          </p:nvPr>
        </p:nvSpPr>
        <p:spPr>
          <a:xfrm>
            <a:off x="609600" y="1590678"/>
            <a:ext cx="8026400" cy="4124325"/>
          </a:xfrm>
        </p:spPr>
        <p:txBody>
          <a:bodyPr vert="eaVert"/>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BA810FEF-330C-4E1A-A684-9B2DF34DF418}"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E4C986F-1CB1-4BD8-B5F1-7284BCFBB2BF}" type="slidenum">
              <a:rPr lang="en-US" smtClean="0"/>
              <a:pPr/>
              <a:t>‹#›</a:t>
            </a:fld>
            <a:endParaRPr lang="en-US"/>
          </a:p>
        </p:txBody>
      </p:sp>
    </p:spTree>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82176D-A215-254E-8B98-69FC18840C5F}"/>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CECE4CA2-5020-EC4B-8928-14BE336B102B}"/>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6BAF7596-B7BB-F24E-BBEE-00E1525A5880}"/>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5" name="Footer Placeholder 4">
            <a:extLst>
              <a:ext uri="{FF2B5EF4-FFF2-40B4-BE49-F238E27FC236}">
                <a16:creationId xmlns:a16="http://schemas.microsoft.com/office/drawing/2014/main" id="{FDEF79B0-E520-1D45-9B7B-F77BA7AD279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11B7E61-7950-8B40-A3CD-648239EAB357}"/>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263984852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0EDB4F-19B2-6043-93F4-143664AA6A00}"/>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6FB46B04-E790-F14C-A206-3792687F128A}"/>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5E7BF48-20A8-944D-A0DF-DA911E5CFCF5}"/>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5" name="Footer Placeholder 4">
            <a:extLst>
              <a:ext uri="{FF2B5EF4-FFF2-40B4-BE49-F238E27FC236}">
                <a16:creationId xmlns:a16="http://schemas.microsoft.com/office/drawing/2014/main" id="{BA16FDFC-5084-874D-A1B3-C9864C02EA0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3EC7995-AD39-6E4F-8AA9-6D2EA52ABDE7}"/>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74215992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522740-D305-224F-BDF9-CB88657E5493}"/>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D5FEDD22-5BFA-3A42-8A82-2BCCAB250362}"/>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0D6936C-6B57-9941-BAB4-4E7CB65F544C}"/>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5" name="Footer Placeholder 4">
            <a:extLst>
              <a:ext uri="{FF2B5EF4-FFF2-40B4-BE49-F238E27FC236}">
                <a16:creationId xmlns:a16="http://schemas.microsoft.com/office/drawing/2014/main" id="{653DE874-9296-DD45-934F-AF3AEF451F9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C12F468-F703-1549-BADC-B5222EB4E704}"/>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285814543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3B815C-88FA-F048-999C-FDCFB1D28B4F}"/>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CDE907B8-6CFC-8940-B1EF-C0665182E112}"/>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520A028D-6BB9-E04B-BE13-C494BD659F44}"/>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9FF79FBF-8CFD-914C-8885-609F9524069A}"/>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6" name="Footer Placeholder 5">
            <a:extLst>
              <a:ext uri="{FF2B5EF4-FFF2-40B4-BE49-F238E27FC236}">
                <a16:creationId xmlns:a16="http://schemas.microsoft.com/office/drawing/2014/main" id="{50D907FA-B68C-1D48-84E8-217FC937503F}"/>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333C2A1-7E76-8C42-8AAD-70882B7BC69A}"/>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29818038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41A2CE-CFE0-4691-9A08-6176521A3474}"/>
              </a:ext>
            </a:extLst>
          </p:cNvPr>
          <p:cNvSpPr>
            <a:spLocks noGrp="1"/>
          </p:cNvSpPr>
          <p:nvPr>
            <p:ph type="title"/>
          </p:nvPr>
        </p:nvSpPr>
        <p:spPr>
          <a:xfrm>
            <a:off x="831850" y="1709738"/>
            <a:ext cx="10515600" cy="2852737"/>
          </a:xfrm>
        </p:spPr>
        <p:txBody>
          <a:bodyPr anchor="b"/>
          <a:lstStyle>
            <a:lvl1pPr>
              <a:defRPr sz="6000" b="1">
                <a:solidFill>
                  <a:srgbClr val="0070C0"/>
                </a:solidFill>
                <a:latin typeface="+mn-lt"/>
              </a:defRPr>
            </a:lvl1pPr>
          </a:lstStyle>
          <a:p>
            <a:r>
              <a:rPr lang="en-US"/>
              <a:t>Click to edit Master title style</a:t>
            </a:r>
          </a:p>
        </p:txBody>
      </p:sp>
      <p:sp>
        <p:nvSpPr>
          <p:cNvPr id="3" name="Text Placeholder 2">
            <a:extLst>
              <a:ext uri="{FF2B5EF4-FFF2-40B4-BE49-F238E27FC236}">
                <a16:creationId xmlns:a16="http://schemas.microsoft.com/office/drawing/2014/main" id="{7BAAF126-6DEE-42AE-98E9-7E8D1090B957}"/>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7F0DB0F-F783-4A5E-8F59-ABA5D2086438}"/>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5" name="Footer Placeholder 4">
            <a:extLst>
              <a:ext uri="{FF2B5EF4-FFF2-40B4-BE49-F238E27FC236}">
                <a16:creationId xmlns:a16="http://schemas.microsoft.com/office/drawing/2014/main" id="{FC15CD40-B752-4673-83A5-27C841AEC8F4}"/>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73C49B86-4764-4E3F-AC9D-7261348D5136}"/>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336505764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E84AB6-C198-EF4A-A4E1-41F69B0D8A80}"/>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EA87F003-212F-FB42-B0D5-107F43DE791A}"/>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AA43A0F1-2067-3C4D-880B-249D9753C44B}"/>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C91DF901-A4B4-174E-BACD-3271C923DBE3}"/>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F75489CC-2905-4C41-B17E-9CA67ED241BF}"/>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D746E570-95C4-5B4E-9AD3-93079EBA428F}"/>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8" name="Footer Placeholder 7">
            <a:extLst>
              <a:ext uri="{FF2B5EF4-FFF2-40B4-BE49-F238E27FC236}">
                <a16:creationId xmlns:a16="http://schemas.microsoft.com/office/drawing/2014/main" id="{320A2969-E120-A740-9C87-2C85E31F587D}"/>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77BDC608-40B2-D844-A900-EFAC9D0B13D8}"/>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310398011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97D646-7A2E-AE43-889D-B25DB6A76CBA}"/>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CE1B8513-C94E-0D44-AB02-DAF662066E19}"/>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4" name="Footer Placeholder 3">
            <a:extLst>
              <a:ext uri="{FF2B5EF4-FFF2-40B4-BE49-F238E27FC236}">
                <a16:creationId xmlns:a16="http://schemas.microsoft.com/office/drawing/2014/main" id="{6C3766D3-EAEE-D545-9C77-00DFCC73DFCC}"/>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49D15C1E-5332-3143-9BFA-F31C0347CF47}"/>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345800443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10EA5895-9353-DC4E-BCB3-BF273E9B03BB}"/>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3" name="Footer Placeholder 2">
            <a:extLst>
              <a:ext uri="{FF2B5EF4-FFF2-40B4-BE49-F238E27FC236}">
                <a16:creationId xmlns:a16="http://schemas.microsoft.com/office/drawing/2014/main" id="{34F1C284-10EE-994A-9749-5795C443D480}"/>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99F9D975-783A-7C4A-9A32-ADA75D726141}"/>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315441205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94B5B6-88A3-7045-A54C-610B5E5D517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33330677-BADF-A248-B257-C73676625A3A}"/>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A0E32D46-80ED-C04F-B938-30327BD9B9F4}"/>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40818EE3-667F-F146-AE8B-65B3DF85FEBC}"/>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6" name="Footer Placeholder 5">
            <a:extLst>
              <a:ext uri="{FF2B5EF4-FFF2-40B4-BE49-F238E27FC236}">
                <a16:creationId xmlns:a16="http://schemas.microsoft.com/office/drawing/2014/main" id="{862ED918-E58A-0748-B886-8D79509E2D25}"/>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3CA8B9E5-1B49-7C47-89CF-660542B8AD0A}"/>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399406152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45F376-6FCA-F744-80F3-D011143F993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48F99519-8FA5-B84F-8540-A84332EC2432}"/>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0076C198-940D-E14E-A2D6-3E9459AC6064}"/>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BF3B0AA3-72A6-E646-8BF9-FFCF25C61EDA}"/>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6" name="Footer Placeholder 5">
            <a:extLst>
              <a:ext uri="{FF2B5EF4-FFF2-40B4-BE49-F238E27FC236}">
                <a16:creationId xmlns:a16="http://schemas.microsoft.com/office/drawing/2014/main" id="{196A2037-4CB0-A845-829A-F39AF357A35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26721EE-A687-2E4B-927E-EE9C5F94978C}"/>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170497722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0B80D0-D4D2-1848-9AED-82610FEC3BAD}"/>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395CD153-4B24-B04F-BCB1-B31774C5DFB8}"/>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E6F3605-4B39-8A41-AB6D-DCF76C6F9559}"/>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5" name="Footer Placeholder 4">
            <a:extLst>
              <a:ext uri="{FF2B5EF4-FFF2-40B4-BE49-F238E27FC236}">
                <a16:creationId xmlns:a16="http://schemas.microsoft.com/office/drawing/2014/main" id="{64B25270-C932-C54E-A1F5-C8CD5DBE86B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6F7A8F0-1020-2644-8A7C-2F7316B5D419}"/>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306249685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E443FCB0-6E57-DC49-8713-438DCDB5B886}"/>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A58D562E-71EB-9946-B3ED-0E0934CFE237}"/>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5F546D0E-1C75-EA47-8DD4-36F79B686F66}"/>
              </a:ext>
            </a:extLst>
          </p:cNvPr>
          <p:cNvSpPr>
            <a:spLocks noGrp="1"/>
          </p:cNvSpPr>
          <p:nvPr>
            <p:ph type="dt" sz="half" idx="10"/>
          </p:nvPr>
        </p:nvSpPr>
        <p:spPr/>
        <p:txBody>
          <a:bodyPr/>
          <a:lstStyle/>
          <a:p>
            <a:fld id="{43639FBC-9559-854A-9E42-D61F16AE6318}" type="datetimeFigureOut">
              <a:rPr lang="en-US" smtClean="0"/>
              <a:t>7/21/2020</a:t>
            </a:fld>
            <a:endParaRPr lang="en-US"/>
          </a:p>
        </p:txBody>
      </p:sp>
      <p:sp>
        <p:nvSpPr>
          <p:cNvPr id="5" name="Footer Placeholder 4">
            <a:extLst>
              <a:ext uri="{FF2B5EF4-FFF2-40B4-BE49-F238E27FC236}">
                <a16:creationId xmlns:a16="http://schemas.microsoft.com/office/drawing/2014/main" id="{132155C3-FEC7-054C-ADBC-80ED1CA5410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D0339FA-DEE9-A045-A858-E034D31D4F44}"/>
              </a:ext>
            </a:extLst>
          </p:cNvPr>
          <p:cNvSpPr>
            <a:spLocks noGrp="1"/>
          </p:cNvSpPr>
          <p:nvPr>
            <p:ph type="sldNum" sz="quarter" idx="12"/>
          </p:nvPr>
        </p:nvSpPr>
        <p:spPr/>
        <p:txBody>
          <a:bodyPr/>
          <a:lstStyle/>
          <a:p>
            <a:fld id="{2ABF2F74-FA48-2146-95CA-D552168A46DD}" type="slidenum">
              <a:rPr lang="en-US" smtClean="0"/>
              <a:t>‹#›</a:t>
            </a:fld>
            <a:endParaRPr lang="en-US"/>
          </a:p>
        </p:txBody>
      </p:sp>
    </p:spTree>
    <p:extLst>
      <p:ext uri="{BB962C8B-B14F-4D97-AF65-F5344CB8AC3E}">
        <p14:creationId xmlns:p14="http://schemas.microsoft.com/office/powerpoint/2010/main" val="150106899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8"/>
            <a:ext cx="10363200" cy="1470025"/>
          </a:xfrm>
        </p:spPr>
        <p:txBody>
          <a:bodyPr/>
          <a:lstStyle>
            <a:lvl1pPr>
              <a:defRPr>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379313274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09600" y="182880"/>
            <a:ext cx="10972800" cy="914400"/>
          </a:xfrm>
        </p:spPr>
        <p:txBody>
          <a:bodyPr/>
          <a:lstStyle>
            <a:lvl1pPr>
              <a:defRPr>
                <a:solidFill>
                  <a:schemeClr val="bg1"/>
                </a:solidFill>
              </a:defRPr>
            </a:lvl1pPr>
          </a:lstStyle>
          <a:p>
            <a:r>
              <a:rPr lang="en-US" dirty="0"/>
              <a:t>Click to edit Master title style</a:t>
            </a:r>
          </a:p>
        </p:txBody>
      </p:sp>
      <p:sp>
        <p:nvSpPr>
          <p:cNvPr id="3" name="Content Placeholder 2"/>
          <p:cNvSpPr>
            <a:spLocks noGrp="1"/>
          </p:cNvSpPr>
          <p:nvPr>
            <p:ph idx="1"/>
          </p:nvPr>
        </p:nvSpPr>
        <p:spPr>
          <a:xfrm>
            <a:off x="609600" y="1554482"/>
            <a:ext cx="10972800" cy="4525963"/>
          </a:xfrm>
        </p:spPr>
        <p:txBody>
          <a:bodyPr/>
          <a:lstStyle>
            <a:lvl1pPr marL="342900" indent="-342900">
              <a:buClr>
                <a:schemeClr val="tx2"/>
              </a:buClr>
              <a:buFont typeface="Arial" pitchFamily="34" charset="0"/>
              <a:buChar char="•"/>
              <a:defRPr/>
            </a:lvl1pPr>
            <a:lvl2pPr marL="742950" indent="-285750">
              <a:buClr>
                <a:schemeClr val="tx2"/>
              </a:buClr>
              <a:buFont typeface="Arial" pitchFamily="34" charset="0"/>
              <a:buChar char="–"/>
              <a:defRPr/>
            </a:lvl2pPr>
            <a:lvl3pPr marL="1143000" indent="-223838">
              <a:buClr>
                <a:schemeClr val="tx2"/>
              </a:buClr>
              <a:buFont typeface="Wingdings" pitchFamily="2" charset="2"/>
              <a:buChar char="§"/>
              <a:defRPr/>
            </a:lvl3pPr>
            <a:lvl4pPr marL="1428750" indent="-228600">
              <a:buClr>
                <a:schemeClr val="tx2"/>
              </a:buClr>
              <a:buFont typeface="Wingdings" pitchFamily="2" charset="2"/>
              <a:buChar char="v"/>
              <a:defRPr/>
            </a:lvl4pPr>
            <a:lvl5pPr marL="1714500" indent="-228600">
              <a:buClr>
                <a:schemeClr val="tx2"/>
              </a:buClr>
              <a:tabLs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342907170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3"/>
            <a:ext cx="10363200" cy="1362075"/>
          </a:xfrm>
        </p:spPr>
        <p:txBody>
          <a:bodyPr anchor="t">
            <a:normAutofit/>
          </a:bodyPr>
          <a:lstStyle>
            <a:lvl1pPr algn="l">
              <a:defRPr sz="3600" b="0" cap="all">
                <a:solidFill>
                  <a:schemeClr val="tx1"/>
                </a:solidFill>
              </a:defRPr>
            </a:lvl1pPr>
          </a:lstStyle>
          <a:p>
            <a:r>
              <a:rPr lang="en-US" dirty="0"/>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dit Master text styles</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66353835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C7D7C4D-B996-4F7D-AA7B-3E5FE8D262D2}"/>
              </a:ext>
            </a:extLst>
          </p:cNvPr>
          <p:cNvSpPr>
            <a:spLocks noGrp="1"/>
          </p:cNvSpPr>
          <p:nvPr>
            <p:ph type="title"/>
          </p:nvPr>
        </p:nvSpPr>
        <p:spPr/>
        <p:txBody>
          <a:bodyPr/>
          <a:lstStyle>
            <a:lvl1pPr>
              <a:defRPr b="1">
                <a:solidFill>
                  <a:srgbClr val="0070C0"/>
                </a:solidFill>
                <a:latin typeface="+mn-lt"/>
              </a:defRPr>
            </a:lvl1pPr>
          </a:lstStyle>
          <a:p>
            <a:r>
              <a:rPr lang="en-US"/>
              <a:t>Click to edit Master title style</a:t>
            </a:r>
          </a:p>
        </p:txBody>
      </p:sp>
      <p:sp>
        <p:nvSpPr>
          <p:cNvPr id="3" name="Content Placeholder 2">
            <a:extLst>
              <a:ext uri="{FF2B5EF4-FFF2-40B4-BE49-F238E27FC236}">
                <a16:creationId xmlns:a16="http://schemas.microsoft.com/office/drawing/2014/main" id="{5DDB5B71-A73A-4164-91BF-33181A48E8A0}"/>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1B13A2E8-AA06-4B7A-8C64-79B27F0EA720}"/>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CEBB0408-F254-4A8C-9507-1BD77863FB53}"/>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6" name="Footer Placeholder 5">
            <a:extLst>
              <a:ext uri="{FF2B5EF4-FFF2-40B4-BE49-F238E27FC236}">
                <a16:creationId xmlns:a16="http://schemas.microsoft.com/office/drawing/2014/main" id="{2C8CE05F-C857-4826-BCC8-4DF245C0107C}"/>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E4650FB1-3F0C-4A04-A040-C7F18EA289C1}"/>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104287967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Content Placeholder 2"/>
          <p:cNvSpPr>
            <a:spLocks noGrp="1"/>
          </p:cNvSpPr>
          <p:nvPr>
            <p:ph sz="half" idx="1"/>
          </p:nvPr>
        </p:nvSpPr>
        <p:spPr>
          <a:xfrm>
            <a:off x="609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6197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6296DA3-355D-4205-A8FE-CC73B70FC064}" type="datetimeFigureOut">
              <a:rPr lang="en-US" smtClean="0"/>
              <a:pPr/>
              <a:t>7/21/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381299201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6193369"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06296DA3-355D-4205-A8FE-CC73B70FC064}" type="datetimeFigureOut">
              <a:rPr lang="en-US" smtClean="0"/>
              <a:pPr/>
              <a:t>7/21/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204847719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06296DA3-355D-4205-A8FE-CC73B70FC064}" type="datetimeFigureOut">
              <a:rPr lang="en-US" smtClean="0"/>
              <a:pPr/>
              <a:t>7/21/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334836337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06296DA3-355D-4205-A8FE-CC73B70FC064}" type="datetimeFigureOut">
              <a:rPr lang="en-US" smtClean="0"/>
              <a:pPr/>
              <a:t>7/21/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5345110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0" y="182880"/>
            <a:ext cx="10972800" cy="914400"/>
          </a:xfrm>
        </p:spPr>
        <p:txBody>
          <a:bodyPr anchor="b">
            <a:normAutofit/>
          </a:bodyPr>
          <a:lstStyle>
            <a:lvl1pPr algn="ctr">
              <a:defRPr sz="3600" b="0"/>
            </a:lvl1pPr>
          </a:lstStyle>
          <a:p>
            <a:r>
              <a:rPr lang="en-US" dirty="0"/>
              <a:t>Click to edit Master title style</a:t>
            </a:r>
          </a:p>
        </p:txBody>
      </p:sp>
      <p:sp>
        <p:nvSpPr>
          <p:cNvPr id="3" name="Content Placeholder 2"/>
          <p:cNvSpPr>
            <a:spLocks noGrp="1"/>
          </p:cNvSpPr>
          <p:nvPr>
            <p:ph idx="1"/>
          </p:nvPr>
        </p:nvSpPr>
        <p:spPr>
          <a:xfrm>
            <a:off x="4766733" y="1447800"/>
            <a:ext cx="6815667" cy="467836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609602" y="1435103"/>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5" name="Date Placeholder 4"/>
          <p:cNvSpPr>
            <a:spLocks noGrp="1"/>
          </p:cNvSpPr>
          <p:nvPr>
            <p:ph type="dt" sz="half" idx="10"/>
          </p:nvPr>
        </p:nvSpPr>
        <p:spPr/>
        <p:txBody>
          <a:bodyPr/>
          <a:lstStyle/>
          <a:p>
            <a:fld id="{06296DA3-355D-4205-A8FE-CC73B70FC064}" type="datetimeFigureOut">
              <a:rPr lang="en-US" smtClean="0"/>
              <a:pPr/>
              <a:t>7/21/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5437035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1419225"/>
            <a:ext cx="7315200" cy="330835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06296DA3-355D-4205-A8FE-CC73B70FC064}" type="datetimeFigureOut">
              <a:rPr lang="en-US" smtClean="0"/>
              <a:pPr/>
              <a:t>7/21/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2364605416"/>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a:xfrm>
            <a:off x="609600" y="1554480"/>
            <a:ext cx="10972800" cy="4255770"/>
          </a:xfrm>
        </p:spPr>
        <p:txBody>
          <a:bodyPr vert="eaVert"/>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104976447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1323975"/>
            <a:ext cx="2743200" cy="4802188"/>
          </a:xfrm>
        </p:spPr>
        <p:txBody>
          <a:bodyPr vert="eaVert"/>
          <a:lstStyle>
            <a:lvl1pPr>
              <a:defRPr>
                <a:solidFill>
                  <a:schemeClr val="tx1"/>
                </a:solidFill>
              </a:defRPr>
            </a:lvl1pPr>
          </a:lstStyle>
          <a:p>
            <a:r>
              <a:rPr lang="en-US" dirty="0"/>
              <a:t>Click to edit Master title style</a:t>
            </a:r>
          </a:p>
        </p:txBody>
      </p:sp>
      <p:sp>
        <p:nvSpPr>
          <p:cNvPr id="3" name="Vertical Text Placeholder 2"/>
          <p:cNvSpPr>
            <a:spLocks noGrp="1"/>
          </p:cNvSpPr>
          <p:nvPr>
            <p:ph type="body" orient="vert" idx="1"/>
          </p:nvPr>
        </p:nvSpPr>
        <p:spPr>
          <a:xfrm>
            <a:off x="609600" y="1323975"/>
            <a:ext cx="8026400" cy="4802188"/>
          </a:xfrm>
        </p:spPr>
        <p:txBody>
          <a:bodyPr vert="eaVert"/>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extLst>
      <p:ext uri="{BB962C8B-B14F-4D97-AF65-F5344CB8AC3E}">
        <p14:creationId xmlns:p14="http://schemas.microsoft.com/office/powerpoint/2010/main" val="2718370001"/>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8"/>
            <a:ext cx="10363200" cy="1470025"/>
          </a:xfrm>
        </p:spPr>
        <p:txBody>
          <a:bodyPr/>
          <a:lstStyle>
            <a:lvl1pPr>
              <a:defRPr>
                <a:solidFill>
                  <a:schemeClr val="tx1"/>
                </a:solidFill>
              </a:defRPr>
            </a:lvl1pPr>
          </a:lstStyle>
          <a:p>
            <a:r>
              <a:rPr lang="en-US" dirty="0"/>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09600" y="182880"/>
            <a:ext cx="10972800" cy="914400"/>
          </a:xfrm>
        </p:spPr>
        <p:txBody>
          <a:bodyPr/>
          <a:lstStyle>
            <a:lvl1pPr>
              <a:defRPr>
                <a:solidFill>
                  <a:schemeClr val="bg1"/>
                </a:solidFill>
              </a:defRPr>
            </a:lvl1pPr>
          </a:lstStyle>
          <a:p>
            <a:r>
              <a:rPr lang="en-US" dirty="0"/>
              <a:t>Click to edit Master title style</a:t>
            </a:r>
          </a:p>
        </p:txBody>
      </p:sp>
      <p:sp>
        <p:nvSpPr>
          <p:cNvPr id="3" name="Content Placeholder 2"/>
          <p:cNvSpPr>
            <a:spLocks noGrp="1"/>
          </p:cNvSpPr>
          <p:nvPr>
            <p:ph idx="1"/>
          </p:nvPr>
        </p:nvSpPr>
        <p:spPr>
          <a:xfrm>
            <a:off x="609600" y="1554482"/>
            <a:ext cx="10972800" cy="4525963"/>
          </a:xfrm>
        </p:spPr>
        <p:txBody>
          <a:bodyPr/>
          <a:lstStyle>
            <a:lvl1pPr marL="342900" indent="-342900">
              <a:buClr>
                <a:schemeClr val="tx2"/>
              </a:buClr>
              <a:buFont typeface="Arial" pitchFamily="34" charset="0"/>
              <a:buChar char="•"/>
              <a:defRPr/>
            </a:lvl1pPr>
            <a:lvl2pPr marL="742950" indent="-285750">
              <a:buClr>
                <a:schemeClr val="tx2"/>
              </a:buClr>
              <a:buFont typeface="Arial" pitchFamily="34" charset="0"/>
              <a:buChar char="–"/>
              <a:defRPr/>
            </a:lvl2pPr>
            <a:lvl3pPr marL="1143000" indent="-223838">
              <a:buClr>
                <a:schemeClr val="tx2"/>
              </a:buClr>
              <a:buFont typeface="Wingdings" pitchFamily="2" charset="2"/>
              <a:buChar char="§"/>
              <a:defRPr/>
            </a:lvl3pPr>
            <a:lvl4pPr marL="1428750" indent="-228600">
              <a:buClr>
                <a:schemeClr val="tx2"/>
              </a:buClr>
              <a:buFont typeface="Wingdings" pitchFamily="2" charset="2"/>
              <a:buChar char="v"/>
              <a:defRPr/>
            </a:lvl4pPr>
            <a:lvl5pPr marL="1714500" indent="-228600">
              <a:buClr>
                <a:schemeClr val="tx2"/>
              </a:buClr>
              <a:tabLst/>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E6C430-5A49-4194-8BF3-9B95ACBCFB78}"/>
              </a:ext>
            </a:extLst>
          </p:cNvPr>
          <p:cNvSpPr>
            <a:spLocks noGrp="1"/>
          </p:cNvSpPr>
          <p:nvPr>
            <p:ph type="title"/>
          </p:nvPr>
        </p:nvSpPr>
        <p:spPr>
          <a:xfrm>
            <a:off x="839788" y="365125"/>
            <a:ext cx="10515600" cy="1325563"/>
          </a:xfrm>
        </p:spPr>
        <p:txBody>
          <a:bodyPr/>
          <a:lstStyle>
            <a:lvl1pPr>
              <a:defRPr b="1">
                <a:solidFill>
                  <a:srgbClr val="0070C0"/>
                </a:solidFill>
                <a:latin typeface="+mn-lt"/>
              </a:defRPr>
            </a:lvl1pPr>
          </a:lstStyle>
          <a:p>
            <a:r>
              <a:rPr lang="en-US"/>
              <a:t>Click to edit Master title style</a:t>
            </a:r>
          </a:p>
        </p:txBody>
      </p:sp>
      <p:sp>
        <p:nvSpPr>
          <p:cNvPr id="3" name="Text Placeholder 2">
            <a:extLst>
              <a:ext uri="{FF2B5EF4-FFF2-40B4-BE49-F238E27FC236}">
                <a16:creationId xmlns:a16="http://schemas.microsoft.com/office/drawing/2014/main" id="{4A24FB05-64D0-44FB-8A7E-ADFB7545DACF}"/>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9E2E3441-EF81-4CE6-A566-3D3B50C68CD9}"/>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FDB50AEB-3BED-427A-B784-89874A50AF36}"/>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FA3038BC-4761-4B9B-A840-8C6A6E089B21}"/>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906E6C6-1D80-438D-B816-EDC03F79BDDC}"/>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8" name="Footer Placeholder 7">
            <a:extLst>
              <a:ext uri="{FF2B5EF4-FFF2-40B4-BE49-F238E27FC236}">
                <a16:creationId xmlns:a16="http://schemas.microsoft.com/office/drawing/2014/main" id="{568EA96C-4FDB-4E8D-89C2-6C2AC25D624C}"/>
              </a:ext>
            </a:extLst>
          </p:cNvPr>
          <p:cNvSpPr>
            <a:spLocks noGrp="1"/>
          </p:cNvSpPr>
          <p:nvPr>
            <p:ph type="ftr" sz="quarter" idx="11"/>
          </p:nvPr>
        </p:nvSpPr>
        <p:spPr/>
        <p:txBody>
          <a:bodyPr/>
          <a:lstStyle/>
          <a:p>
            <a:endParaRPr lang="en-US" dirty="0"/>
          </a:p>
        </p:txBody>
      </p:sp>
      <p:sp>
        <p:nvSpPr>
          <p:cNvPr id="9" name="Slide Number Placeholder 8">
            <a:extLst>
              <a:ext uri="{FF2B5EF4-FFF2-40B4-BE49-F238E27FC236}">
                <a16:creationId xmlns:a16="http://schemas.microsoft.com/office/drawing/2014/main" id="{4D91F0FE-2363-47F8-9215-7C14AAD89D42}"/>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3336799974"/>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3"/>
            <a:ext cx="10363200" cy="1362075"/>
          </a:xfrm>
        </p:spPr>
        <p:txBody>
          <a:bodyPr anchor="t">
            <a:normAutofit/>
          </a:bodyPr>
          <a:lstStyle>
            <a:lvl1pPr algn="l">
              <a:defRPr sz="3600" b="0" cap="all">
                <a:solidFill>
                  <a:schemeClr val="tx1"/>
                </a:solidFill>
              </a:defRPr>
            </a:lvl1pPr>
          </a:lstStyle>
          <a:p>
            <a:r>
              <a:rPr lang="en-US" dirty="0"/>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dit Master text styles</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Content Placeholder 2"/>
          <p:cNvSpPr>
            <a:spLocks noGrp="1"/>
          </p:cNvSpPr>
          <p:nvPr>
            <p:ph sz="half" idx="1"/>
          </p:nvPr>
        </p:nvSpPr>
        <p:spPr>
          <a:xfrm>
            <a:off x="609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6197600" y="1600203"/>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6296DA3-355D-4205-A8FE-CC73B70FC064}" type="datetimeFigureOut">
              <a:rPr lang="en-US" smtClean="0"/>
              <a:pPr/>
              <a:t>7/21/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6193369"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06296DA3-355D-4205-A8FE-CC73B70FC064}" type="datetimeFigureOut">
              <a:rPr lang="en-US" smtClean="0"/>
              <a:pPr/>
              <a:t>7/21/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06296DA3-355D-4205-A8FE-CC73B70FC064}" type="datetimeFigureOut">
              <a:rPr lang="en-US" smtClean="0"/>
              <a:pPr/>
              <a:t>7/21/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06296DA3-355D-4205-A8FE-CC73B70FC064}" type="datetimeFigureOut">
              <a:rPr lang="en-US" smtClean="0"/>
              <a:pPr/>
              <a:t>7/21/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0" y="182880"/>
            <a:ext cx="10972800" cy="914400"/>
          </a:xfrm>
        </p:spPr>
        <p:txBody>
          <a:bodyPr anchor="b">
            <a:normAutofit/>
          </a:bodyPr>
          <a:lstStyle>
            <a:lvl1pPr algn="ctr">
              <a:defRPr sz="3600" b="0"/>
            </a:lvl1pPr>
          </a:lstStyle>
          <a:p>
            <a:r>
              <a:rPr lang="en-US" dirty="0"/>
              <a:t>Click to edit Master title style</a:t>
            </a:r>
          </a:p>
        </p:txBody>
      </p:sp>
      <p:sp>
        <p:nvSpPr>
          <p:cNvPr id="3" name="Content Placeholder 2"/>
          <p:cNvSpPr>
            <a:spLocks noGrp="1"/>
          </p:cNvSpPr>
          <p:nvPr>
            <p:ph idx="1"/>
          </p:nvPr>
        </p:nvSpPr>
        <p:spPr>
          <a:xfrm>
            <a:off x="4766733" y="1447800"/>
            <a:ext cx="6815667" cy="467836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609602" y="1435103"/>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5" name="Date Placeholder 4"/>
          <p:cNvSpPr>
            <a:spLocks noGrp="1"/>
          </p:cNvSpPr>
          <p:nvPr>
            <p:ph type="dt" sz="half" idx="10"/>
          </p:nvPr>
        </p:nvSpPr>
        <p:spPr/>
        <p:txBody>
          <a:bodyPr/>
          <a:lstStyle/>
          <a:p>
            <a:fld id="{06296DA3-355D-4205-A8FE-CC73B70FC064}" type="datetimeFigureOut">
              <a:rPr lang="en-US" smtClean="0"/>
              <a:pPr/>
              <a:t>7/21/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1419225"/>
            <a:ext cx="7315200" cy="330835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06296DA3-355D-4205-A8FE-CC73B70FC064}" type="datetimeFigureOut">
              <a:rPr lang="en-US" smtClean="0"/>
              <a:pPr/>
              <a:t>7/21/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a:xfrm>
            <a:off x="609600" y="1554480"/>
            <a:ext cx="10972800" cy="4255770"/>
          </a:xfrm>
        </p:spPr>
        <p:txBody>
          <a:bodyPr vert="eaVert"/>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1323975"/>
            <a:ext cx="2743200" cy="4802188"/>
          </a:xfrm>
        </p:spPr>
        <p:txBody>
          <a:bodyPr vert="eaVert"/>
          <a:lstStyle>
            <a:lvl1pPr>
              <a:defRPr>
                <a:solidFill>
                  <a:schemeClr val="tx1"/>
                </a:solidFill>
              </a:defRPr>
            </a:lvl1pPr>
          </a:lstStyle>
          <a:p>
            <a:r>
              <a:rPr lang="en-US" dirty="0"/>
              <a:t>Click to edit Master title style</a:t>
            </a:r>
          </a:p>
        </p:txBody>
      </p:sp>
      <p:sp>
        <p:nvSpPr>
          <p:cNvPr id="3" name="Vertical Text Placeholder 2"/>
          <p:cNvSpPr>
            <a:spLocks noGrp="1"/>
          </p:cNvSpPr>
          <p:nvPr>
            <p:ph type="body" orient="vert" idx="1"/>
          </p:nvPr>
        </p:nvSpPr>
        <p:spPr>
          <a:xfrm>
            <a:off x="609600" y="1323975"/>
            <a:ext cx="8026400" cy="4802188"/>
          </a:xfrm>
        </p:spPr>
        <p:txBody>
          <a:bodyPr vert="eaVert"/>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06296DA3-355D-4205-A8FE-CC73B70FC064}" type="datetimeFigureOut">
              <a:rPr lang="en-US" smtClean="0"/>
              <a:pPr/>
              <a:t>7/21/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3DB64BC-0584-4169-B40B-A384FD25F727}" type="slidenum">
              <a:rPr lang="en-US" smtClean="0"/>
              <a:pPr/>
              <a:t>‹#›</a:t>
            </a:fld>
            <a:endParaRPr lang="en-US"/>
          </a:p>
        </p:txBody>
      </p:sp>
    </p:spTree>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LE_NCHS">
    <p:bg>
      <p:bgPr>
        <a:solidFill>
          <a:schemeClr val="bg2"/>
        </a:solidFill>
        <a:effectLst/>
      </p:bgPr>
    </p:bg>
    <p:spTree>
      <p:nvGrpSpPr>
        <p:cNvPr id="1" name=""/>
        <p:cNvGrpSpPr/>
        <p:nvPr/>
      </p:nvGrpSpPr>
      <p:grpSpPr>
        <a:xfrm>
          <a:off x="0" y="0"/>
          <a:ext cx="0" cy="0"/>
          <a:chOff x="0" y="0"/>
          <a:chExt cx="0" cy="0"/>
        </a:xfrm>
      </p:grpSpPr>
      <p:pic>
        <p:nvPicPr>
          <p:cNvPr id="3" name="Picture 2" descr="Logos of the U.S. Department of Health and Human Services and the Centers for Disease control and Prevention" title="logo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1"/>
            <a:ext cx="12192000" cy="1185297"/>
          </a:xfrm>
          <a:prstGeom prst="rect">
            <a:avLst/>
          </a:prstGeom>
        </p:spPr>
      </p:pic>
      <p:sp>
        <p:nvSpPr>
          <p:cNvPr id="7" name="Title 1"/>
          <p:cNvSpPr>
            <a:spLocks noGrp="1"/>
          </p:cNvSpPr>
          <p:nvPr>
            <p:ph type="title"/>
          </p:nvPr>
        </p:nvSpPr>
        <p:spPr>
          <a:xfrm>
            <a:off x="609600" y="1386071"/>
            <a:ext cx="10972800" cy="1155779"/>
          </a:xfrm>
          <a:prstGeom prst="rect">
            <a:avLst/>
          </a:prstGeom>
        </p:spPr>
        <p:txBody>
          <a:bodyPr/>
          <a:lstStyle>
            <a:lvl1pPr algn="l">
              <a:lnSpc>
                <a:spcPts val="4000"/>
              </a:lnSpc>
              <a:defRPr sz="3733" b="1" baseline="0">
                <a:solidFill>
                  <a:srgbClr val="006858"/>
                </a:solidFill>
                <a:effectLst/>
                <a:latin typeface="Calibri" pitchFamily="34" charset="0"/>
              </a:defRPr>
            </a:lvl1pPr>
          </a:lstStyle>
          <a:p>
            <a:endParaRPr lang="en-US" dirty="0"/>
          </a:p>
        </p:txBody>
      </p:sp>
      <p:sp>
        <p:nvSpPr>
          <p:cNvPr id="8" name="Subtitle 2"/>
          <p:cNvSpPr>
            <a:spLocks noGrp="1"/>
          </p:cNvSpPr>
          <p:nvPr>
            <p:ph type="subTitle" idx="1"/>
          </p:nvPr>
        </p:nvSpPr>
        <p:spPr>
          <a:xfrm>
            <a:off x="609600" y="2859349"/>
            <a:ext cx="8534400" cy="457200"/>
          </a:xfrm>
          <a:prstGeom prst="rect">
            <a:avLst/>
          </a:prstGeom>
        </p:spPr>
        <p:txBody>
          <a:bodyPr/>
          <a:lstStyle>
            <a:lvl1pPr marL="0" indent="0" algn="l">
              <a:buNone/>
              <a:defRPr sz="2667" b="1" baseline="0">
                <a:solidFill>
                  <a:srgbClr val="006858"/>
                </a:solidFill>
                <a:effectLst/>
                <a:latin typeface="Calibri" pitchFamily="34" charset="0"/>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endParaRPr lang="en-US" dirty="0"/>
          </a:p>
        </p:txBody>
      </p:sp>
      <p:sp>
        <p:nvSpPr>
          <p:cNvPr id="10" name="Text Placeholder 8"/>
          <p:cNvSpPr>
            <a:spLocks noGrp="1"/>
          </p:cNvSpPr>
          <p:nvPr>
            <p:ph type="body" sz="quarter" idx="10"/>
          </p:nvPr>
        </p:nvSpPr>
        <p:spPr>
          <a:xfrm>
            <a:off x="609600" y="3946019"/>
            <a:ext cx="8534400" cy="1295400"/>
          </a:xfrm>
          <a:prstGeom prst="rect">
            <a:avLst/>
          </a:prstGeom>
        </p:spPr>
        <p:txBody>
          <a:bodyPr/>
          <a:lstStyle>
            <a:lvl1pPr marL="0" indent="0" algn="l">
              <a:lnSpc>
                <a:spcPts val="2667"/>
              </a:lnSpc>
              <a:buNone/>
              <a:defRPr sz="2400" baseline="0">
                <a:solidFill>
                  <a:srgbClr val="006858"/>
                </a:solidFill>
                <a:latin typeface="Calibri" pitchFamily="34" charset="0"/>
              </a:defRPr>
            </a:lvl1pPr>
            <a:lvl2pPr algn="ctr">
              <a:defRPr>
                <a:solidFill>
                  <a:schemeClr val="tx2"/>
                </a:solidFill>
              </a:defRPr>
            </a:lvl2pPr>
            <a:lvl3pPr algn="ctr">
              <a:defRPr>
                <a:solidFill>
                  <a:schemeClr val="tx2"/>
                </a:solidFill>
              </a:defRPr>
            </a:lvl3pPr>
            <a:lvl4pPr algn="ctr">
              <a:defRPr>
                <a:solidFill>
                  <a:schemeClr val="tx2"/>
                </a:solidFill>
              </a:defRPr>
            </a:lvl4pPr>
            <a:lvl5pPr algn="ctr">
              <a:defRPr>
                <a:solidFill>
                  <a:schemeClr val="tx2"/>
                </a:solidFill>
              </a:defRPr>
            </a:lvl5pPr>
          </a:lstStyle>
          <a:p>
            <a:pPr lvl="0"/>
            <a:endParaRPr lang="en-US" dirty="0"/>
          </a:p>
        </p:txBody>
      </p:sp>
      <p:sp>
        <p:nvSpPr>
          <p:cNvPr id="6" name="TextBox 5"/>
          <p:cNvSpPr txBox="1"/>
          <p:nvPr userDrawn="1"/>
        </p:nvSpPr>
        <p:spPr>
          <a:xfrm>
            <a:off x="609600" y="120204"/>
            <a:ext cx="9204101" cy="461665"/>
          </a:xfrm>
          <a:prstGeom prst="rect">
            <a:avLst/>
          </a:prstGeom>
          <a:noFill/>
        </p:spPr>
        <p:txBody>
          <a:bodyPr wrap="square" rtlCol="0">
            <a:spAutoFit/>
          </a:bodyPr>
          <a:lstStyle/>
          <a:p>
            <a:r>
              <a:rPr lang="en-US" sz="2400" b="1" dirty="0">
                <a:solidFill>
                  <a:schemeClr val="tx2">
                    <a:lumMod val="95000"/>
                  </a:schemeClr>
                </a:solidFill>
                <a:latin typeface="Calibri" panose="020F0502020204030204" pitchFamily="34" charset="0"/>
              </a:rPr>
              <a:t>National Center for Health Statistics</a:t>
            </a:r>
          </a:p>
        </p:txBody>
      </p:sp>
    </p:spTree>
    <p:extLst>
      <p:ext uri="{BB962C8B-B14F-4D97-AF65-F5344CB8AC3E}">
        <p14:creationId xmlns:p14="http://schemas.microsoft.com/office/powerpoint/2010/main" val="4276757300"/>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E6071F-CA94-4EBB-BD9E-7DBBFBD72331}"/>
              </a:ext>
            </a:extLst>
          </p:cNvPr>
          <p:cNvSpPr>
            <a:spLocks noGrp="1"/>
          </p:cNvSpPr>
          <p:nvPr>
            <p:ph type="title"/>
          </p:nvPr>
        </p:nvSpPr>
        <p:spPr/>
        <p:txBody>
          <a:bodyPr/>
          <a:lstStyle>
            <a:lvl1pPr>
              <a:defRPr b="1">
                <a:solidFill>
                  <a:srgbClr val="0070C0"/>
                </a:solidFill>
                <a:latin typeface="+mn-lt"/>
              </a:defRPr>
            </a:lvl1pPr>
          </a:lstStyle>
          <a:p>
            <a:r>
              <a:rPr lang="en-US"/>
              <a:t>Click to edit Master title style</a:t>
            </a:r>
          </a:p>
        </p:txBody>
      </p:sp>
      <p:sp>
        <p:nvSpPr>
          <p:cNvPr id="3" name="Date Placeholder 2">
            <a:extLst>
              <a:ext uri="{FF2B5EF4-FFF2-40B4-BE49-F238E27FC236}">
                <a16:creationId xmlns:a16="http://schemas.microsoft.com/office/drawing/2014/main" id="{ED3FF2AC-DA21-4D64-A201-C27882F00F8F}"/>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4" name="Footer Placeholder 3">
            <a:extLst>
              <a:ext uri="{FF2B5EF4-FFF2-40B4-BE49-F238E27FC236}">
                <a16:creationId xmlns:a16="http://schemas.microsoft.com/office/drawing/2014/main" id="{967EA3F9-62B2-4CA7-B4A7-588220A280E3}"/>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289D1857-9F66-4BA9-A241-EDD0E5959BD2}"/>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2933005512"/>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10_Data Slide (for content heavy tables and chart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09600" y="274639"/>
            <a:ext cx="10972800" cy="1143000"/>
          </a:xfrm>
          <a:prstGeom prst="rect">
            <a:avLst/>
          </a:prstGeom>
        </p:spPr>
        <p:txBody>
          <a:bodyPr anchor="b" anchorCtr="0"/>
          <a:lstStyle>
            <a:lvl1pPr algn="l">
              <a:lnSpc>
                <a:spcPts val="4000"/>
              </a:lnSpc>
              <a:defRPr sz="3733" b="1" baseline="0">
                <a:solidFill>
                  <a:srgbClr val="006858"/>
                </a:solidFill>
                <a:effectLst/>
                <a:latin typeface="Calibri" pitchFamily="34" charset="0"/>
              </a:defRPr>
            </a:lvl1pPr>
          </a:lstStyle>
          <a:p>
            <a:r>
              <a:rPr lang="en-US" dirty="0"/>
              <a:t>Bottom band: NCHS</a:t>
            </a:r>
          </a:p>
        </p:txBody>
      </p:sp>
      <p:sp>
        <p:nvSpPr>
          <p:cNvPr id="6" name="Text Placeholder 7"/>
          <p:cNvSpPr>
            <a:spLocks noGrp="1"/>
          </p:cNvSpPr>
          <p:nvPr>
            <p:ph type="body" sz="quarter" idx="10"/>
          </p:nvPr>
        </p:nvSpPr>
        <p:spPr>
          <a:xfrm>
            <a:off x="609600" y="1545167"/>
            <a:ext cx="10972800" cy="4455584"/>
          </a:xfrm>
        </p:spPr>
        <p:txBody>
          <a:bodyPr/>
          <a:lstStyle>
            <a:lvl1pPr marL="457189" indent="-457189">
              <a:buClr>
                <a:srgbClr val="006A71"/>
              </a:buClr>
              <a:buFont typeface="Wingdings" panose="05000000000000000000" pitchFamily="2" charset="2"/>
              <a:buChar char="§"/>
              <a:defRPr sz="2667">
                <a:solidFill>
                  <a:schemeClr val="accent4">
                    <a:lumMod val="75000"/>
                  </a:schemeClr>
                </a:solidFill>
              </a:defRPr>
            </a:lvl1pPr>
            <a:lvl2pPr>
              <a:buClr>
                <a:srgbClr val="008BB0"/>
              </a:buClr>
              <a:defRPr sz="2667">
                <a:solidFill>
                  <a:schemeClr val="accent4">
                    <a:lumMod val="75000"/>
                  </a:schemeClr>
                </a:solidFill>
              </a:defRPr>
            </a:lvl2pPr>
            <a:lvl3pPr>
              <a:buClr>
                <a:srgbClr val="695E4A"/>
              </a:buClr>
              <a:defRPr sz="2667">
                <a:solidFill>
                  <a:schemeClr val="accent4">
                    <a:lumMod val="75000"/>
                  </a:schemeClr>
                </a:solidFill>
              </a:defRPr>
            </a:lvl3pPr>
            <a:lvl4pPr>
              <a:defRPr sz="2667">
                <a:solidFill>
                  <a:schemeClr val="accent4">
                    <a:lumMod val="75000"/>
                  </a:schemeClr>
                </a:solidFill>
              </a:defRPr>
            </a:lvl4pPr>
            <a:lvl5pPr>
              <a:defRPr sz="2667">
                <a:solidFill>
                  <a:schemeClr val="accent4">
                    <a:lumMod val="75000"/>
                  </a:schemeClr>
                </a:solidFill>
              </a:defRPr>
            </a:lvl5pPr>
          </a:lstStyle>
          <a:p>
            <a:pPr lvl="0"/>
            <a:r>
              <a:rPr lang="en-US" dirty="0"/>
              <a:t>Click to edit Master text styles</a:t>
            </a:r>
          </a:p>
          <a:p>
            <a:pPr lvl="1"/>
            <a:r>
              <a:rPr lang="en-US" dirty="0"/>
              <a:t>Second level</a:t>
            </a:r>
          </a:p>
          <a:p>
            <a:pPr lvl="2"/>
            <a:r>
              <a:rPr lang="en-US" dirty="0"/>
              <a:t>Third level</a:t>
            </a:r>
          </a:p>
        </p:txBody>
      </p:sp>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6737261"/>
            <a:ext cx="12192000" cy="120739"/>
          </a:xfrm>
          <a:prstGeom prst="rect">
            <a:avLst/>
          </a:prstGeom>
        </p:spPr>
      </p:pic>
    </p:spTree>
    <p:extLst>
      <p:ext uri="{BB962C8B-B14F-4D97-AF65-F5344CB8AC3E}">
        <p14:creationId xmlns:p14="http://schemas.microsoft.com/office/powerpoint/2010/main" val="3310904099"/>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4_BULLETS/DATA_2sides">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9"/>
            <a:ext cx="10972800" cy="1143000"/>
          </a:xfrm>
          <a:prstGeom prst="rect">
            <a:avLst/>
          </a:prstGeom>
        </p:spPr>
        <p:txBody>
          <a:bodyPr anchor="b" anchorCtr="0"/>
          <a:lstStyle>
            <a:lvl1pPr algn="l">
              <a:lnSpc>
                <a:spcPts val="4000"/>
              </a:lnSpc>
              <a:defRPr sz="3733" b="1" baseline="0">
                <a:solidFill>
                  <a:srgbClr val="006858"/>
                </a:solidFill>
                <a:effectLst/>
                <a:latin typeface="Calibri" pitchFamily="34" charset="0"/>
              </a:defRPr>
            </a:lvl1pPr>
          </a:lstStyle>
          <a:p>
            <a:endParaRPr lang="en-US" dirty="0"/>
          </a:p>
        </p:txBody>
      </p:sp>
      <p:sp>
        <p:nvSpPr>
          <p:cNvPr id="3" name="Content Placeholder 2"/>
          <p:cNvSpPr>
            <a:spLocks noGrp="1"/>
          </p:cNvSpPr>
          <p:nvPr>
            <p:ph idx="1"/>
          </p:nvPr>
        </p:nvSpPr>
        <p:spPr>
          <a:xfrm>
            <a:off x="609601" y="1600201"/>
            <a:ext cx="5172892" cy="4191000"/>
          </a:xfrm>
          <a:prstGeom prst="rect">
            <a:avLst/>
          </a:prstGeom>
        </p:spPr>
        <p:txBody>
          <a:bodyPr/>
          <a:lstStyle>
            <a:lvl1pPr marL="457189" indent="-457189">
              <a:buClr>
                <a:srgbClr val="541900"/>
              </a:buClr>
              <a:buSzPct val="70000"/>
              <a:buFont typeface="Wingdings" panose="05000000000000000000" pitchFamily="2" charset="2"/>
              <a:buChar char="§"/>
              <a:defRPr sz="3200" b="1" baseline="0">
                <a:solidFill>
                  <a:srgbClr val="000000"/>
                </a:solidFill>
                <a:latin typeface="Calibri" pitchFamily="34" charset="0"/>
              </a:defRPr>
            </a:lvl1pPr>
            <a:lvl2pPr marL="990575" indent="-380990">
              <a:buClr>
                <a:srgbClr val="005984"/>
              </a:buClr>
              <a:buSzPct val="100000"/>
              <a:buFont typeface="Arial" panose="020B0604020202020204" pitchFamily="34" charset="0"/>
              <a:buChar char="•"/>
              <a:defRPr sz="2667">
                <a:solidFill>
                  <a:schemeClr val="accent4">
                    <a:lumMod val="75000"/>
                  </a:schemeClr>
                </a:solidFill>
              </a:defRPr>
            </a:lvl2pPr>
            <a:lvl3pPr>
              <a:buClrTx/>
              <a:buSzPct val="100000"/>
              <a:buFont typeface="Arial" pitchFamily="34" charset="0"/>
              <a:buChar char="•"/>
              <a:defRPr sz="2400">
                <a:solidFill>
                  <a:schemeClr val="accent4">
                    <a:lumMod val="75000"/>
                  </a:schemeClr>
                </a:solidFill>
              </a:defRPr>
            </a:lvl3pPr>
            <a:lvl4pPr>
              <a:buClr>
                <a:schemeClr val="bg1"/>
              </a:buClr>
              <a:buSzPct val="70000"/>
              <a:buFont typeface="Courier New" pitchFamily="49" charset="0"/>
              <a:buChar char="o"/>
              <a:defRPr sz="2400" baseline="0">
                <a:solidFill>
                  <a:schemeClr val="bg2"/>
                </a:solidFill>
              </a:defRPr>
            </a:lvl4pPr>
            <a:lvl5pPr>
              <a:buClr>
                <a:schemeClr val="bg1"/>
              </a:buClr>
              <a:buSzPct val="70000"/>
              <a:buFont typeface="Arial" pitchFamily="34" charset="0"/>
              <a:buChar char="•"/>
              <a:defRPr sz="2400">
                <a:solidFill>
                  <a:schemeClr val="bg2"/>
                </a:solidFill>
              </a:defRPr>
            </a:lvl5pPr>
          </a:lstStyle>
          <a:p>
            <a:pPr lvl="2"/>
            <a:endParaRPr lang="en-US" dirty="0"/>
          </a:p>
          <a:p>
            <a:pPr lvl="0"/>
            <a:endParaRPr lang="en-US" dirty="0"/>
          </a:p>
          <a:p>
            <a:pPr lvl="2"/>
            <a:endParaRPr lang="en-US" dirty="0"/>
          </a:p>
          <a:p>
            <a:pPr lvl="1"/>
            <a:endParaRPr lang="en-US" dirty="0"/>
          </a:p>
          <a:p>
            <a:pPr lvl="1"/>
            <a:endParaRPr lang="en-US" dirty="0"/>
          </a:p>
          <a:p>
            <a:pPr lvl="1"/>
            <a:endParaRPr lang="en-US" dirty="0"/>
          </a:p>
        </p:txBody>
      </p:sp>
      <p:sp>
        <p:nvSpPr>
          <p:cNvPr id="13" name="Content Placeholder 2"/>
          <p:cNvSpPr>
            <a:spLocks noGrp="1"/>
          </p:cNvSpPr>
          <p:nvPr userDrawn="1">
            <p:ph idx="10"/>
          </p:nvPr>
        </p:nvSpPr>
        <p:spPr>
          <a:xfrm>
            <a:off x="6409509" y="1600201"/>
            <a:ext cx="5172892" cy="4191000"/>
          </a:xfrm>
          <a:prstGeom prst="rect">
            <a:avLst/>
          </a:prstGeom>
        </p:spPr>
        <p:txBody>
          <a:bodyPr/>
          <a:lstStyle>
            <a:lvl1pPr marL="457189" indent="-457189">
              <a:buClr>
                <a:srgbClr val="541900"/>
              </a:buClr>
              <a:buSzPct val="70000"/>
              <a:buFont typeface="Wingdings" panose="05000000000000000000" pitchFamily="2" charset="2"/>
              <a:buChar char="§"/>
              <a:defRPr sz="3200" b="1" baseline="0">
                <a:solidFill>
                  <a:srgbClr val="000000"/>
                </a:solidFill>
                <a:latin typeface="Calibri" pitchFamily="34" charset="0"/>
              </a:defRPr>
            </a:lvl1pPr>
            <a:lvl2pPr marL="990575" indent="-380990">
              <a:buClr>
                <a:srgbClr val="005984"/>
              </a:buClr>
              <a:buSzPct val="100000"/>
              <a:buFont typeface="Arial" panose="020B0604020202020204" pitchFamily="34" charset="0"/>
              <a:buChar char="•"/>
              <a:defRPr sz="2667">
                <a:solidFill>
                  <a:schemeClr val="accent4">
                    <a:lumMod val="75000"/>
                  </a:schemeClr>
                </a:solidFill>
              </a:defRPr>
            </a:lvl2pPr>
            <a:lvl3pPr>
              <a:buClrTx/>
              <a:buSzPct val="100000"/>
              <a:buFont typeface="Arial" pitchFamily="34" charset="0"/>
              <a:buChar char="•"/>
              <a:defRPr sz="2400">
                <a:solidFill>
                  <a:schemeClr val="accent4">
                    <a:lumMod val="75000"/>
                  </a:schemeClr>
                </a:solidFill>
              </a:defRPr>
            </a:lvl3pPr>
            <a:lvl4pPr>
              <a:buClr>
                <a:schemeClr val="bg1"/>
              </a:buClr>
              <a:buSzPct val="70000"/>
              <a:buFont typeface="Courier New" pitchFamily="49" charset="0"/>
              <a:buChar char="o"/>
              <a:defRPr sz="2400" baseline="0">
                <a:solidFill>
                  <a:schemeClr val="bg2"/>
                </a:solidFill>
              </a:defRPr>
            </a:lvl4pPr>
            <a:lvl5pPr>
              <a:buClr>
                <a:schemeClr val="bg1"/>
              </a:buClr>
              <a:buSzPct val="70000"/>
              <a:buFont typeface="Arial" pitchFamily="34" charset="0"/>
              <a:buChar char="•"/>
              <a:defRPr sz="2400">
                <a:solidFill>
                  <a:schemeClr val="bg2"/>
                </a:solidFill>
              </a:defRPr>
            </a:lvl5pPr>
          </a:lstStyle>
          <a:p>
            <a:pPr lvl="2"/>
            <a:endParaRPr lang="en-US" dirty="0"/>
          </a:p>
          <a:p>
            <a:pPr lvl="0"/>
            <a:endParaRPr lang="en-US" dirty="0"/>
          </a:p>
          <a:p>
            <a:pPr lvl="2"/>
            <a:endParaRPr lang="en-US" dirty="0"/>
          </a:p>
          <a:p>
            <a:pPr lvl="1"/>
            <a:endParaRPr lang="en-US" dirty="0"/>
          </a:p>
          <a:p>
            <a:pPr lvl="1"/>
            <a:endParaRPr lang="en-US" dirty="0"/>
          </a:p>
          <a:p>
            <a:pPr lvl="1"/>
            <a:endParaRPr lang="en-US" dirty="0"/>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6737261"/>
            <a:ext cx="12192000" cy="120739"/>
          </a:xfrm>
          <a:prstGeom prst="rect">
            <a:avLst/>
          </a:prstGeom>
        </p:spPr>
      </p:pic>
    </p:spTree>
    <p:extLst>
      <p:ext uri="{BB962C8B-B14F-4D97-AF65-F5344CB8AC3E}">
        <p14:creationId xmlns:p14="http://schemas.microsoft.com/office/powerpoint/2010/main" val="3188912912"/>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1_color_background">
    <p:bg>
      <p:bgPr>
        <a:solidFill>
          <a:srgbClr val="006858"/>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609602" y="4467097"/>
            <a:ext cx="11059884" cy="1162051"/>
          </a:xfrm>
          <a:prstGeom prst="rect">
            <a:avLst/>
          </a:prstGeom>
        </p:spPr>
        <p:txBody>
          <a:bodyPr anchor="b"/>
          <a:lstStyle>
            <a:lvl1pPr algn="l">
              <a:defRPr sz="4800" b="1" baseline="0">
                <a:solidFill>
                  <a:schemeClr val="bg2"/>
                </a:solidFill>
                <a:effectLst/>
                <a:latin typeface="Calibri" pitchFamily="34" charset="0"/>
              </a:defRPr>
            </a:lvl1pPr>
          </a:lstStyle>
          <a:p>
            <a:r>
              <a:rPr lang="en-US" dirty="0"/>
              <a:t>Click to edit Master title style</a:t>
            </a:r>
          </a:p>
        </p:txBody>
      </p:sp>
      <p:sp>
        <p:nvSpPr>
          <p:cNvPr id="5" name="Text Placeholder 2"/>
          <p:cNvSpPr>
            <a:spLocks noGrp="1"/>
          </p:cNvSpPr>
          <p:nvPr>
            <p:ph type="body" idx="1"/>
          </p:nvPr>
        </p:nvSpPr>
        <p:spPr>
          <a:xfrm>
            <a:off x="609601" y="5900928"/>
            <a:ext cx="10363200" cy="568325"/>
          </a:xfrm>
          <a:prstGeom prst="rect">
            <a:avLst/>
          </a:prstGeom>
        </p:spPr>
        <p:txBody>
          <a:bodyPr anchor="b"/>
          <a:lstStyle>
            <a:lvl1pPr marL="0" indent="0" algn="l">
              <a:lnSpc>
                <a:spcPts val="2933"/>
              </a:lnSpc>
              <a:buNone/>
              <a:defRPr sz="2667" baseline="0">
                <a:solidFill>
                  <a:schemeClr val="bg2"/>
                </a:solidFill>
                <a:latin typeface="Calibri" pitchFamily="34" charset="0"/>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4040115010"/>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userDrawn="1">
  <p:cSld name="DATA SLIDE_O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09600" y="274639"/>
            <a:ext cx="10972800" cy="1143000"/>
          </a:xfrm>
          <a:prstGeom prst="rect">
            <a:avLst/>
          </a:prstGeom>
        </p:spPr>
        <p:txBody>
          <a:bodyPr anchor="b" anchorCtr="0"/>
          <a:lstStyle>
            <a:lvl1pPr algn="l">
              <a:lnSpc>
                <a:spcPts val="4000"/>
              </a:lnSpc>
              <a:defRPr sz="3733" b="1" baseline="0">
                <a:solidFill>
                  <a:srgbClr val="005DAA"/>
                </a:solidFill>
                <a:effectLst/>
                <a:latin typeface="Calibri" pitchFamily="34" charset="0"/>
              </a:defRPr>
            </a:lvl1pPr>
          </a:lstStyle>
          <a:p>
            <a:r>
              <a:rPr lang="en-US" dirty="0"/>
              <a:t>Bottom band: OD</a:t>
            </a:r>
          </a:p>
        </p:txBody>
      </p:sp>
      <p:pic>
        <p:nvPicPr>
          <p:cNvPr id="18" name="Picture 17"/>
          <p:cNvPicPr>
            <a:picLocks noChangeAspect="1"/>
          </p:cNvPicPr>
          <p:nvPr userDrawn="1"/>
        </p:nvPicPr>
        <p:blipFill rotWithShape="1">
          <a:blip r:embed="rId2" cstate="print">
            <a:extLst>
              <a:ext uri="{28A0092B-C50C-407E-A947-70E740481C1C}">
                <a14:useLocalDpi xmlns:a14="http://schemas.microsoft.com/office/drawing/2010/main" val="0"/>
              </a:ext>
            </a:extLst>
          </a:blip>
          <a:srcRect t="87742" b="-5052"/>
          <a:stretch/>
        </p:blipFill>
        <p:spPr>
          <a:xfrm>
            <a:off x="8587" y="6690957"/>
            <a:ext cx="12192001" cy="248992"/>
          </a:xfrm>
          <a:prstGeom prst="rect">
            <a:avLst/>
          </a:prstGeom>
        </p:spPr>
      </p:pic>
      <p:sp>
        <p:nvSpPr>
          <p:cNvPr id="5" name="Text Placeholder 7"/>
          <p:cNvSpPr>
            <a:spLocks noGrp="1"/>
          </p:cNvSpPr>
          <p:nvPr>
            <p:ph type="body" sz="quarter" idx="10"/>
          </p:nvPr>
        </p:nvSpPr>
        <p:spPr>
          <a:xfrm>
            <a:off x="609600" y="1545167"/>
            <a:ext cx="10972800" cy="4455584"/>
          </a:xfrm>
        </p:spPr>
        <p:txBody>
          <a:bodyPr/>
          <a:lstStyle>
            <a:lvl1pPr marL="457167" indent="-457167">
              <a:buClr>
                <a:srgbClr val="005DAA"/>
              </a:buClr>
              <a:buFont typeface="Wingdings" panose="05000000000000000000" pitchFamily="2" charset="2"/>
              <a:buChar char="§"/>
              <a:defRPr sz="2667">
                <a:solidFill>
                  <a:schemeClr val="accent4">
                    <a:lumMod val="75000"/>
                  </a:schemeClr>
                </a:solidFill>
              </a:defRPr>
            </a:lvl1pPr>
            <a:lvl2pPr>
              <a:buClr>
                <a:srgbClr val="532E63"/>
              </a:buClr>
              <a:defRPr sz="2667">
                <a:solidFill>
                  <a:schemeClr val="accent4">
                    <a:lumMod val="75000"/>
                  </a:schemeClr>
                </a:solidFill>
              </a:defRPr>
            </a:lvl2pPr>
            <a:lvl3pPr>
              <a:buClr>
                <a:srgbClr val="9A3B26"/>
              </a:buClr>
              <a:defRPr sz="2667">
                <a:solidFill>
                  <a:schemeClr val="accent4">
                    <a:lumMod val="75000"/>
                  </a:schemeClr>
                </a:solidFill>
              </a:defRPr>
            </a:lvl3pPr>
            <a:lvl4pPr>
              <a:defRPr sz="2667">
                <a:solidFill>
                  <a:schemeClr val="accent4">
                    <a:lumMod val="75000"/>
                  </a:schemeClr>
                </a:solidFill>
              </a:defRPr>
            </a:lvl4pPr>
            <a:lvl5pPr>
              <a:defRPr sz="2667">
                <a:solidFill>
                  <a:schemeClr val="accent4">
                    <a:lumMod val="75000"/>
                  </a:schemeClr>
                </a:solidFill>
              </a:defRPr>
            </a:lvl5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15088780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9324E32-07CC-4F25-B881-53A6E0A49453}"/>
              </a:ext>
            </a:extLst>
          </p:cNvPr>
          <p:cNvSpPr>
            <a:spLocks noGrp="1"/>
          </p:cNvSpPr>
          <p:nvPr>
            <p:ph type="dt" sz="half" idx="10"/>
          </p:nvPr>
        </p:nvSpPr>
        <p:spPr/>
        <p:txBody>
          <a:bodyPr/>
          <a:lstStyle/>
          <a:p>
            <a:fld id="{64212737-0911-4DB0-AB7F-7A9626FC00FC}" type="datetimeFigureOut">
              <a:rPr lang="en-US" smtClean="0"/>
              <a:t>7/21/2020</a:t>
            </a:fld>
            <a:endParaRPr lang="en-US"/>
          </a:p>
        </p:txBody>
      </p:sp>
      <p:sp>
        <p:nvSpPr>
          <p:cNvPr id="3" name="Footer Placeholder 2">
            <a:extLst>
              <a:ext uri="{FF2B5EF4-FFF2-40B4-BE49-F238E27FC236}">
                <a16:creationId xmlns:a16="http://schemas.microsoft.com/office/drawing/2014/main" id="{EE7B16FE-8120-41EB-9058-593A9A78EC98}"/>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48A9871E-E415-4A00-8F83-9380E7FBA459}"/>
              </a:ext>
            </a:extLst>
          </p:cNvPr>
          <p:cNvSpPr>
            <a:spLocks noGrp="1"/>
          </p:cNvSpPr>
          <p:nvPr>
            <p:ph type="sldNum" sz="quarter" idx="12"/>
          </p:nvPr>
        </p:nvSpPr>
        <p:spPr/>
        <p:txBody>
          <a:bodyPr/>
          <a:lstStyle/>
          <a:p>
            <a:fld id="{2E219C0F-C270-4191-8073-BFB30417233C}" type="slidenum">
              <a:rPr lang="en-US" smtClean="0"/>
              <a:t>‹#›</a:t>
            </a:fld>
            <a:endParaRPr lang="en-US"/>
          </a:p>
        </p:txBody>
      </p:sp>
    </p:spTree>
    <p:extLst>
      <p:ext uri="{BB962C8B-B14F-4D97-AF65-F5344CB8AC3E}">
        <p14:creationId xmlns:p14="http://schemas.microsoft.com/office/powerpoint/2010/main" val="133355017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21F9DC05-472A-4664-AA2D-65B7A2B8DF90}"/>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3" name="Footer Placeholder 2">
            <a:extLst>
              <a:ext uri="{FF2B5EF4-FFF2-40B4-BE49-F238E27FC236}">
                <a16:creationId xmlns:a16="http://schemas.microsoft.com/office/drawing/2014/main" id="{F761C356-BD33-4C6A-9923-7616DED45D3A}"/>
              </a:ext>
            </a:extLst>
          </p:cNvPr>
          <p:cNvSpPr>
            <a:spLocks noGrp="1"/>
          </p:cNvSpPr>
          <p:nvPr>
            <p:ph type="ftr" sz="quarter" idx="11"/>
          </p:nvPr>
        </p:nvSpPr>
        <p:spPr/>
        <p:txBody>
          <a:bodyPr/>
          <a:lstStyle/>
          <a:p>
            <a:endParaRPr lang="en-US" dirty="0"/>
          </a:p>
        </p:txBody>
      </p:sp>
      <p:sp>
        <p:nvSpPr>
          <p:cNvPr id="4" name="Slide Number Placeholder 3">
            <a:extLst>
              <a:ext uri="{FF2B5EF4-FFF2-40B4-BE49-F238E27FC236}">
                <a16:creationId xmlns:a16="http://schemas.microsoft.com/office/drawing/2014/main" id="{9FB34D9E-03AC-4B28-AA11-920D94B3FBDE}"/>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97686024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72FE1F-C44F-4107-90AC-E84481BC9B39}"/>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EFC3E6FF-0FE1-450E-81D9-EFD081648366}"/>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F328E3DB-107F-4DA2-85A1-11FC817AA37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49850D21-C050-4585-8974-D45FE6F8DE6D}"/>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6" name="Footer Placeholder 5">
            <a:extLst>
              <a:ext uri="{FF2B5EF4-FFF2-40B4-BE49-F238E27FC236}">
                <a16:creationId xmlns:a16="http://schemas.microsoft.com/office/drawing/2014/main" id="{AD2241B0-02CF-4B87-9228-596A9863DAF7}"/>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8075D476-F3CA-43C8-8AE2-EC506F79DE0C}"/>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309910012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461DD9-F54C-4B91-91F7-09BEFF9DBFF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85D64CCB-BF1C-4539-8CFE-050D43057DAD}"/>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a:extLst>
              <a:ext uri="{FF2B5EF4-FFF2-40B4-BE49-F238E27FC236}">
                <a16:creationId xmlns:a16="http://schemas.microsoft.com/office/drawing/2014/main" id="{3A354720-C3D1-46F1-BEE9-20EEC9346F83}"/>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6CF98E42-E34C-4273-A4BD-7100922E7A79}"/>
              </a:ext>
            </a:extLst>
          </p:cNvPr>
          <p:cNvSpPr>
            <a:spLocks noGrp="1"/>
          </p:cNvSpPr>
          <p:nvPr>
            <p:ph type="dt" sz="half" idx="10"/>
          </p:nvPr>
        </p:nvSpPr>
        <p:spPr/>
        <p:txBody>
          <a:bodyPr/>
          <a:lstStyle/>
          <a:p>
            <a:fld id="{3FF0C18A-4C29-4697-9CC7-DD271098DDF9}" type="datetimeFigureOut">
              <a:rPr lang="en-US" smtClean="0"/>
              <a:t>7/21/2020</a:t>
            </a:fld>
            <a:endParaRPr lang="en-US" dirty="0"/>
          </a:p>
        </p:txBody>
      </p:sp>
      <p:sp>
        <p:nvSpPr>
          <p:cNvPr id="6" name="Footer Placeholder 5">
            <a:extLst>
              <a:ext uri="{FF2B5EF4-FFF2-40B4-BE49-F238E27FC236}">
                <a16:creationId xmlns:a16="http://schemas.microsoft.com/office/drawing/2014/main" id="{20FCD466-BF45-49CA-B2B8-F8CE534EAE61}"/>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B25B80A-86F7-4ACC-9D3C-5B249FCEFE2D}"/>
              </a:ext>
            </a:extLst>
          </p:cNvPr>
          <p:cNvSpPr>
            <a:spLocks noGrp="1"/>
          </p:cNvSpPr>
          <p:nvPr>
            <p:ph type="sldNum" sz="quarter" idx="12"/>
          </p:nvPr>
        </p:nvSpPr>
        <p:spPr/>
        <p:txBody>
          <a:bodyPr/>
          <a:lstStyle/>
          <a:p>
            <a:fld id="{D0A229F5-FFF0-4246-8224-30069D4A7BA3}" type="slidenum">
              <a:rPr lang="en-US" smtClean="0"/>
              <a:t>‹#›</a:t>
            </a:fld>
            <a:endParaRPr lang="en-US" dirty="0"/>
          </a:p>
        </p:txBody>
      </p:sp>
    </p:spTree>
    <p:extLst>
      <p:ext uri="{BB962C8B-B14F-4D97-AF65-F5344CB8AC3E}">
        <p14:creationId xmlns:p14="http://schemas.microsoft.com/office/powerpoint/2010/main" val="49693595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image" Target="../media/image4.png"/><Relationship Id="rId3" Type="http://schemas.openxmlformats.org/officeDocument/2006/relationships/slideLayout" Target="../slideLayouts/slideLayout17.xml"/><Relationship Id="rId7" Type="http://schemas.openxmlformats.org/officeDocument/2006/relationships/slideLayout" Target="../slideLayouts/slideLayout21.xml"/><Relationship Id="rId12" Type="http://schemas.openxmlformats.org/officeDocument/2006/relationships/theme" Target="../theme/theme2.xml"/><Relationship Id="rId2" Type="http://schemas.openxmlformats.org/officeDocument/2006/relationships/slideLayout" Target="../slideLayouts/slideLayout16.xml"/><Relationship Id="rId16" Type="http://schemas.openxmlformats.org/officeDocument/2006/relationships/image" Target="../media/image7.tiff"/><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image" Target="../media/image6.png"/><Relationship Id="rId10" Type="http://schemas.openxmlformats.org/officeDocument/2006/relationships/slideLayout" Target="../slideLayouts/slideLayout24.xml"/><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image" Target="../media/image5.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3.xml"/><Relationship Id="rId3" Type="http://schemas.openxmlformats.org/officeDocument/2006/relationships/slideLayout" Target="../slideLayouts/slideLayout28.xml"/><Relationship Id="rId7" Type="http://schemas.openxmlformats.org/officeDocument/2006/relationships/slideLayout" Target="../slideLayouts/slideLayout32.xml"/><Relationship Id="rId12" Type="http://schemas.openxmlformats.org/officeDocument/2006/relationships/theme" Target="../theme/theme3.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5" Type="http://schemas.openxmlformats.org/officeDocument/2006/relationships/slideLayout" Target="../slideLayouts/slideLayout30.xml"/><Relationship Id="rId10" Type="http://schemas.openxmlformats.org/officeDocument/2006/relationships/slideLayout" Target="../slideLayouts/slideLayout35.xml"/><Relationship Id="rId4" Type="http://schemas.openxmlformats.org/officeDocument/2006/relationships/slideLayout" Target="../slideLayouts/slideLayout29.xml"/><Relationship Id="rId9" Type="http://schemas.openxmlformats.org/officeDocument/2006/relationships/slideLayout" Target="../slideLayouts/slideLayout34.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4.xml"/><Relationship Id="rId3" Type="http://schemas.openxmlformats.org/officeDocument/2006/relationships/slideLayout" Target="../slideLayouts/slideLayout39.xml"/><Relationship Id="rId7" Type="http://schemas.openxmlformats.org/officeDocument/2006/relationships/slideLayout" Target="../slideLayouts/slideLayout43.xml"/><Relationship Id="rId12" Type="http://schemas.openxmlformats.org/officeDocument/2006/relationships/theme" Target="../theme/theme4.xml"/><Relationship Id="rId2" Type="http://schemas.openxmlformats.org/officeDocument/2006/relationships/slideLayout" Target="../slideLayouts/slideLayout38.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0" Type="http://schemas.openxmlformats.org/officeDocument/2006/relationships/slideLayout" Target="../slideLayouts/slideLayout46.xml"/><Relationship Id="rId4" Type="http://schemas.openxmlformats.org/officeDocument/2006/relationships/slideLayout" Target="../slideLayouts/slideLayout40.xml"/><Relationship Id="rId9" Type="http://schemas.openxmlformats.org/officeDocument/2006/relationships/slideLayout" Target="../slideLayouts/slideLayout45.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5.xml"/><Relationship Id="rId13" Type="http://schemas.openxmlformats.org/officeDocument/2006/relationships/image" Target="../media/image5.png"/><Relationship Id="rId3" Type="http://schemas.openxmlformats.org/officeDocument/2006/relationships/slideLayout" Target="../slideLayouts/slideLayout50.xml"/><Relationship Id="rId7" Type="http://schemas.openxmlformats.org/officeDocument/2006/relationships/slideLayout" Target="../slideLayouts/slideLayout54.xml"/><Relationship Id="rId12" Type="http://schemas.openxmlformats.org/officeDocument/2006/relationships/theme" Target="../theme/theme5.xml"/><Relationship Id="rId2" Type="http://schemas.openxmlformats.org/officeDocument/2006/relationships/slideLayout" Target="../slideLayouts/slideLayout49.xml"/><Relationship Id="rId1" Type="http://schemas.openxmlformats.org/officeDocument/2006/relationships/slideLayout" Target="../slideLayouts/slideLayout48.xml"/><Relationship Id="rId6" Type="http://schemas.openxmlformats.org/officeDocument/2006/relationships/slideLayout" Target="../slideLayouts/slideLayout53.xml"/><Relationship Id="rId11" Type="http://schemas.openxmlformats.org/officeDocument/2006/relationships/slideLayout" Target="../slideLayouts/slideLayout58.xml"/><Relationship Id="rId5" Type="http://schemas.openxmlformats.org/officeDocument/2006/relationships/slideLayout" Target="../slideLayouts/slideLayout52.xml"/><Relationship Id="rId15" Type="http://schemas.openxmlformats.org/officeDocument/2006/relationships/image" Target="../media/image7.tiff"/><Relationship Id="rId10" Type="http://schemas.openxmlformats.org/officeDocument/2006/relationships/slideLayout" Target="../slideLayouts/slideLayout57.xml"/><Relationship Id="rId4" Type="http://schemas.openxmlformats.org/officeDocument/2006/relationships/slideLayout" Target="../slideLayouts/slideLayout51.xml"/><Relationship Id="rId9" Type="http://schemas.openxmlformats.org/officeDocument/2006/relationships/slideLayout" Target="../slideLayouts/slideLayout56.xml"/><Relationship Id="rId14" Type="http://schemas.openxmlformats.org/officeDocument/2006/relationships/image" Target="../media/image6.png"/></Relationships>
</file>

<file path=ppt/slideMasters/_rels/slideMaster6.xml.rels><?xml version="1.0" encoding="UTF-8" standalone="yes"?>
<Relationships xmlns="http://schemas.openxmlformats.org/package/2006/relationships"><Relationship Id="rId3" Type="http://schemas.openxmlformats.org/officeDocument/2006/relationships/slideLayout" Target="../slideLayouts/slideLayout61.xml"/><Relationship Id="rId7" Type="http://schemas.openxmlformats.org/officeDocument/2006/relationships/theme" Target="../theme/theme6.xml"/><Relationship Id="rId2" Type="http://schemas.openxmlformats.org/officeDocument/2006/relationships/slideLayout" Target="../slideLayouts/slideLayout60.xml"/><Relationship Id="rId1" Type="http://schemas.openxmlformats.org/officeDocument/2006/relationships/slideLayout" Target="../slideLayouts/slideLayout59.xml"/><Relationship Id="rId6" Type="http://schemas.openxmlformats.org/officeDocument/2006/relationships/slideLayout" Target="../slideLayouts/slideLayout64.xml"/><Relationship Id="rId5" Type="http://schemas.openxmlformats.org/officeDocument/2006/relationships/slideLayout" Target="../slideLayouts/slideLayout63.xml"/><Relationship Id="rId4" Type="http://schemas.openxmlformats.org/officeDocument/2006/relationships/slideLayout" Target="../slideLayouts/slideLayout6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1FD437E6-FB29-41B9-8AD8-7AAA92FD1BE8}"/>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0139E7FA-80B0-4FB1-851A-7079A3B1BC23}"/>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F079F94-08B0-4347-9E06-686CA1A8383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FF0C18A-4C29-4697-9CC7-DD271098DDF9}" type="datetimeFigureOut">
              <a:rPr lang="en-US" smtClean="0"/>
              <a:t>7/21/2020</a:t>
            </a:fld>
            <a:endParaRPr lang="en-US" dirty="0"/>
          </a:p>
        </p:txBody>
      </p:sp>
      <p:sp>
        <p:nvSpPr>
          <p:cNvPr id="5" name="Footer Placeholder 4">
            <a:extLst>
              <a:ext uri="{FF2B5EF4-FFF2-40B4-BE49-F238E27FC236}">
                <a16:creationId xmlns:a16="http://schemas.microsoft.com/office/drawing/2014/main" id="{F846B8CA-E87A-425C-9847-6301CE29517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a:extLst>
              <a:ext uri="{FF2B5EF4-FFF2-40B4-BE49-F238E27FC236}">
                <a16:creationId xmlns:a16="http://schemas.microsoft.com/office/drawing/2014/main" id="{04207BEB-087A-4FDD-885C-0BEDFA9CC8E4}"/>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0A229F5-FFF0-4246-8224-30069D4A7BA3}" type="slidenum">
              <a:rPr lang="en-US" smtClean="0"/>
              <a:t>‹#›</a:t>
            </a:fld>
            <a:endParaRPr lang="en-US" dirty="0"/>
          </a:p>
        </p:txBody>
      </p:sp>
    </p:spTree>
    <p:extLst>
      <p:ext uri="{BB962C8B-B14F-4D97-AF65-F5344CB8AC3E}">
        <p14:creationId xmlns:p14="http://schemas.microsoft.com/office/powerpoint/2010/main" val="1672595167"/>
      </p:ext>
    </p:extLst>
  </p:cSld>
  <p:clrMap bg1="lt1" tx1="dk1" bg2="lt2" tx2="dk2" accent1="accent1" accent2="accent2" accent3="accent3" accent4="accent4" accent5="accent5" accent6="accent6" hlink="hlink" folHlink="folHlink"/>
  <p:sldLayoutIdLst>
    <p:sldLayoutId id="2147483718" r:id="rId1"/>
    <p:sldLayoutId id="2147483719" r:id="rId2"/>
    <p:sldLayoutId id="2147483720" r:id="rId3"/>
    <p:sldLayoutId id="2147483721" r:id="rId4"/>
    <p:sldLayoutId id="2147483722" r:id="rId5"/>
    <p:sldLayoutId id="2147483723" r:id="rId6"/>
    <p:sldLayoutId id="2147483724" r:id="rId7"/>
    <p:sldLayoutId id="2147483725" r:id="rId8"/>
    <p:sldLayoutId id="2147483726" r:id="rId9"/>
    <p:sldLayoutId id="2147483727" r:id="rId10"/>
    <p:sldLayoutId id="2147483728" r:id="rId11"/>
    <p:sldLayoutId id="2147483729" r:id="rId12"/>
    <p:sldLayoutId id="2147483730" r:id="rId13"/>
    <p:sldLayoutId id="2147483731"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Rectangle 9"/>
          <p:cNvSpPr/>
          <p:nvPr userDrawn="1"/>
        </p:nvSpPr>
        <p:spPr>
          <a:xfrm>
            <a:off x="-3" y="675"/>
            <a:ext cx="12192000" cy="1188720"/>
          </a:xfrm>
          <a:prstGeom prst="rect">
            <a:avLst/>
          </a:prstGeom>
          <a:solidFill>
            <a:srgbClr val="2055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ln>
                <a:noFill/>
              </a:ln>
              <a:solidFill>
                <a:srgbClr val="719501"/>
              </a:solidFill>
            </a:endParaRPr>
          </a:p>
        </p:txBody>
      </p:sp>
      <p:sp>
        <p:nvSpPr>
          <p:cNvPr id="3" name="Text Placeholder 2"/>
          <p:cNvSpPr>
            <a:spLocks noGrp="1"/>
          </p:cNvSpPr>
          <p:nvPr>
            <p:ph type="body" idx="1"/>
          </p:nvPr>
        </p:nvSpPr>
        <p:spPr>
          <a:xfrm>
            <a:off x="609600" y="2464597"/>
            <a:ext cx="10972800" cy="3661569"/>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A810FEF-330C-4E1A-A684-9B2DF34DF418}" type="datetimeFigureOut">
              <a:rPr lang="en-US" smtClean="0"/>
              <a:pPr/>
              <a:t>7/21/2020</a:t>
            </a:fld>
            <a:endParaRPr lang="en-US"/>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E4C986F-1CB1-4BD8-B5F1-7284BCFBB2BF}" type="slidenum">
              <a:rPr lang="en-US" smtClean="0"/>
              <a:pPr/>
              <a:t>‹#›</a:t>
            </a:fld>
            <a:endParaRPr lang="en-US"/>
          </a:p>
        </p:txBody>
      </p:sp>
      <p:sp>
        <p:nvSpPr>
          <p:cNvPr id="2" name="Title Placeholder 1"/>
          <p:cNvSpPr>
            <a:spLocks noGrp="1"/>
          </p:cNvSpPr>
          <p:nvPr>
            <p:ph type="title"/>
          </p:nvPr>
        </p:nvSpPr>
        <p:spPr>
          <a:xfrm>
            <a:off x="609600" y="1371600"/>
            <a:ext cx="10972800" cy="914757"/>
          </a:xfrm>
          <a:prstGeom prst="rect">
            <a:avLst/>
          </a:prstGeom>
        </p:spPr>
        <p:txBody>
          <a:bodyPr vert="horz" lIns="91440" tIns="45720" rIns="91440" bIns="45720" rtlCol="0" anchor="ctr">
            <a:normAutofit/>
          </a:bodyPr>
          <a:lstStyle/>
          <a:p>
            <a:r>
              <a:rPr lang="en-US" dirty="0"/>
              <a:t>Click to edit Master title style</a:t>
            </a:r>
          </a:p>
        </p:txBody>
      </p:sp>
      <p:pic>
        <p:nvPicPr>
          <p:cNvPr id="11" name="Picture 2" descr="F:\downloads\working\NIDDK Powerpoint Template\niddk\2013\NIH_NIDDK_Master_Logo\NIH_NIDDK_Master_Logo_White.png">
            <a:extLst>
              <a:ext uri="{FF2B5EF4-FFF2-40B4-BE49-F238E27FC236}">
                <a16:creationId xmlns:a16="http://schemas.microsoft.com/office/drawing/2014/main" id="{DD9AB97A-AAEF-484A-A982-1EFC1F41B4EA}"/>
              </a:ext>
            </a:extLst>
          </p:cNvPr>
          <p:cNvPicPr>
            <a:picLocks noChangeAspect="1" noChangeArrowheads="1"/>
          </p:cNvPicPr>
          <p:nvPr userDrawn="1"/>
        </p:nvPicPr>
        <p:blipFill>
          <a:blip r:embed="rId13" cstate="email">
            <a:extLst>
              <a:ext uri="{28A0092B-C50C-407E-A947-70E740481C1C}">
                <a14:useLocalDpi xmlns:a14="http://schemas.microsoft.com/office/drawing/2010/main"/>
              </a:ext>
            </a:extLst>
          </a:blip>
          <a:srcRect/>
          <a:stretch>
            <a:fillRect/>
          </a:stretch>
        </p:blipFill>
        <p:spPr bwMode="auto">
          <a:xfrm>
            <a:off x="450507" y="268803"/>
            <a:ext cx="2925763" cy="65246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2" descr="Z:\ G R A P H I C  E L E M E N T S\Logos\DHHS\GIF PNG files\DHHS logo black.png">
            <a:extLst>
              <a:ext uri="{FF2B5EF4-FFF2-40B4-BE49-F238E27FC236}">
                <a16:creationId xmlns:a16="http://schemas.microsoft.com/office/drawing/2014/main" id="{4DC2D1EF-4179-4DC2-8C6A-D6E072B5EA1B}"/>
              </a:ext>
            </a:extLst>
          </p:cNvPr>
          <p:cNvPicPr>
            <a:picLocks noChangeAspect="1" noChangeArrowheads="1"/>
          </p:cNvPicPr>
          <p:nvPr userDrawn="1"/>
        </p:nvPicPr>
        <p:blipFill>
          <a:blip r:embed="rId14" cstate="email">
            <a:extLst>
              <a:ext uri="{28A0092B-C50C-407E-A947-70E740481C1C}">
                <a14:useLocalDpi xmlns:a14="http://schemas.microsoft.com/office/drawing/2010/main"/>
              </a:ext>
            </a:extLst>
          </a:blip>
          <a:srcRect/>
          <a:stretch>
            <a:fillRect/>
          </a:stretch>
        </p:blipFill>
        <p:spPr bwMode="auto">
          <a:xfrm>
            <a:off x="8559800" y="5744871"/>
            <a:ext cx="822960" cy="845747"/>
          </a:xfrm>
          <a:prstGeom prst="rect">
            <a:avLst/>
          </a:prstGeom>
          <a:noFill/>
        </p:spPr>
      </p:pic>
      <p:pic>
        <p:nvPicPr>
          <p:cNvPr id="13" name="Picture 2" descr="Z:\ G R A P H I C  E L E M E N T S\Logos\niddk\2013\NIH_NIDDK_Master_Logo\NIH_NIDDK_Master_Logo_2Color copy.png">
            <a:extLst>
              <a:ext uri="{FF2B5EF4-FFF2-40B4-BE49-F238E27FC236}">
                <a16:creationId xmlns:a16="http://schemas.microsoft.com/office/drawing/2014/main" id="{8DCC9CC9-9337-4639-A4B0-DDBEF63EE2EC}"/>
              </a:ext>
            </a:extLst>
          </p:cNvPr>
          <p:cNvPicPr>
            <a:picLocks noChangeAspect="1" noChangeArrowheads="1"/>
          </p:cNvPicPr>
          <p:nvPr userDrawn="1"/>
        </p:nvPicPr>
        <p:blipFill>
          <a:blip r:embed="rId15" cstate="email">
            <a:extLst>
              <a:ext uri="{28A0092B-C50C-407E-A947-70E740481C1C}">
                <a14:useLocalDpi xmlns:a14="http://schemas.microsoft.com/office/drawing/2010/main"/>
              </a:ext>
            </a:extLst>
          </a:blip>
          <a:srcRect/>
          <a:stretch>
            <a:fillRect/>
          </a:stretch>
        </p:blipFill>
        <p:spPr bwMode="auto">
          <a:xfrm>
            <a:off x="9550400" y="5891008"/>
            <a:ext cx="2286000" cy="509792"/>
          </a:xfrm>
          <a:prstGeom prst="rect">
            <a:avLst/>
          </a:prstGeom>
          <a:noFill/>
        </p:spPr>
      </p:pic>
      <p:pic>
        <p:nvPicPr>
          <p:cNvPr id="14" name="Picture 13">
            <a:extLst>
              <a:ext uri="{FF2B5EF4-FFF2-40B4-BE49-F238E27FC236}">
                <a16:creationId xmlns:a16="http://schemas.microsoft.com/office/drawing/2014/main" id="{B54FBCAB-C744-9A43-B1C9-42F1737A0CF9}"/>
              </a:ext>
            </a:extLst>
          </p:cNvPr>
          <p:cNvPicPr>
            <a:picLocks noChangeAspect="1"/>
          </p:cNvPicPr>
          <p:nvPr userDrawn="1"/>
        </p:nvPicPr>
        <p:blipFill rotWithShape="1">
          <a:blip r:embed="rId16"/>
          <a:srcRect t="2" r="73239" b="-24667"/>
          <a:stretch/>
        </p:blipFill>
        <p:spPr>
          <a:xfrm>
            <a:off x="450508" y="5847118"/>
            <a:ext cx="1258781" cy="640080"/>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spcBef>
          <a:spcPct val="0"/>
        </a:spcBef>
        <a:buNone/>
        <a:defRPr sz="36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2pPr>
      <a:lvl3pPr marL="1143000" indent="-228600" algn="l" defTabSz="914400" rtl="0" eaLnBrk="1" latinLnBrk="0" hangingPunct="1">
        <a:spcBef>
          <a:spcPct val="20000"/>
        </a:spcBef>
        <a:buFont typeface="Wingdings" pitchFamily="2" charset="2"/>
        <a:buChar char="§"/>
        <a:defRPr sz="2000" kern="1200">
          <a:solidFill>
            <a:schemeClr val="tx1"/>
          </a:solidFill>
          <a:latin typeface="+mn-lt"/>
          <a:ea typeface="+mn-ea"/>
          <a:cs typeface="+mn-cs"/>
        </a:defRPr>
      </a:lvl3pPr>
      <a:lvl4pPr marL="1428750" indent="-228600" algn="l" defTabSz="914400" rtl="0" eaLnBrk="1" latinLnBrk="0" hangingPunct="1">
        <a:spcBef>
          <a:spcPct val="20000"/>
        </a:spcBef>
        <a:buSzPct val="80000"/>
        <a:buFont typeface="Wingdings" pitchFamily="2" charset="2"/>
        <a:buChar char="v"/>
        <a:defRPr sz="1800" kern="1200">
          <a:solidFill>
            <a:schemeClr val="tx1"/>
          </a:solidFill>
          <a:latin typeface="+mn-lt"/>
          <a:ea typeface="+mn-ea"/>
          <a:cs typeface="+mn-cs"/>
        </a:defRPr>
      </a:lvl4pPr>
      <a:lvl5pPr marL="1714500" indent="-228600" algn="l" defTabSz="914400" rtl="0" eaLnBrk="1" latinLnBrk="0" hangingPunct="1">
        <a:spcBef>
          <a:spcPct val="20000"/>
        </a:spcBef>
        <a:buFont typeface="Arial"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1BF2E96D-A649-FE41-B0C7-DC62002BD77D}"/>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3631AD3C-4B1E-9640-A142-D005D4AE471A}"/>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4A507EA-C857-9949-AD1B-06E9EE7A03E0}"/>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3639FBC-9559-854A-9E42-D61F16AE6318}" type="datetimeFigureOut">
              <a:rPr lang="en-US" smtClean="0"/>
              <a:t>7/21/2020</a:t>
            </a:fld>
            <a:endParaRPr lang="en-US"/>
          </a:p>
        </p:txBody>
      </p:sp>
      <p:sp>
        <p:nvSpPr>
          <p:cNvPr id="5" name="Footer Placeholder 4">
            <a:extLst>
              <a:ext uri="{FF2B5EF4-FFF2-40B4-BE49-F238E27FC236}">
                <a16:creationId xmlns:a16="http://schemas.microsoft.com/office/drawing/2014/main" id="{6AFD9368-7288-4848-AA42-9B8B23BDAB8E}"/>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65608569-3210-E843-AFF0-595E4799116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2ABF2F74-FA48-2146-95CA-D552168A46DD}" type="slidenum">
              <a:rPr lang="en-US" smtClean="0"/>
              <a:t>‹#›</a:t>
            </a:fld>
            <a:endParaRPr lang="en-US"/>
          </a:p>
        </p:txBody>
      </p:sp>
    </p:spTree>
    <p:extLst>
      <p:ext uri="{BB962C8B-B14F-4D97-AF65-F5344CB8AC3E}">
        <p14:creationId xmlns:p14="http://schemas.microsoft.com/office/powerpoint/2010/main" val="3924565081"/>
      </p:ext>
    </p:extLst>
  </p:cSld>
  <p:clrMap bg1="lt1" tx1="dk1" bg2="lt2" tx2="dk2" accent1="accent1" accent2="accent2" accent3="accent3" accent4="accent4" accent5="accent5" accent6="accent6" hlink="hlink" folHlink="folHlink"/>
  <p:sldLayoutIdLst>
    <p:sldLayoutId id="2147483706" r:id="rId1"/>
    <p:sldLayoutId id="2147483707" r:id="rId2"/>
    <p:sldLayoutId id="2147483708" r:id="rId3"/>
    <p:sldLayoutId id="2147483709" r:id="rId4"/>
    <p:sldLayoutId id="2147483710" r:id="rId5"/>
    <p:sldLayoutId id="2147483711" r:id="rId6"/>
    <p:sldLayoutId id="2147483712" r:id="rId7"/>
    <p:sldLayoutId id="2147483713" r:id="rId8"/>
    <p:sldLayoutId id="2147483714" r:id="rId9"/>
    <p:sldLayoutId id="2147483715" r:id="rId10"/>
    <p:sldLayoutId id="2147483716"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ctangle 9"/>
          <p:cNvSpPr/>
          <p:nvPr userDrawn="1"/>
        </p:nvSpPr>
        <p:spPr>
          <a:xfrm>
            <a:off x="-3" y="675"/>
            <a:ext cx="12192000" cy="1188720"/>
          </a:xfrm>
          <a:prstGeom prst="rect">
            <a:avLst/>
          </a:prstGeom>
          <a:solidFill>
            <a:srgbClr val="2055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ln>
                <a:noFill/>
              </a:ln>
              <a:solidFill>
                <a:srgbClr val="719501"/>
              </a:solidFill>
            </a:endParaRPr>
          </a:p>
        </p:txBody>
      </p:sp>
      <p:sp>
        <p:nvSpPr>
          <p:cNvPr id="2" name="Title Placeholder 1"/>
          <p:cNvSpPr>
            <a:spLocks noGrp="1"/>
          </p:cNvSpPr>
          <p:nvPr>
            <p:ph type="title"/>
          </p:nvPr>
        </p:nvSpPr>
        <p:spPr>
          <a:xfrm>
            <a:off x="609600" y="182883"/>
            <a:ext cx="10972800" cy="914757"/>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609600" y="1554480"/>
            <a:ext cx="10972800" cy="4572000"/>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6296DA3-355D-4205-A8FE-CC73B70FC064}" type="datetimeFigureOut">
              <a:rPr lang="en-US" smtClean="0"/>
              <a:pPr/>
              <a:t>7/21/2020</a:t>
            </a:fld>
            <a:endParaRPr lang="en-US"/>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3DB64BC-0584-4169-B40B-A384FD25F727}" type="slidenum">
              <a:rPr lang="en-US" smtClean="0"/>
              <a:pPr/>
              <a:t>‹#›</a:t>
            </a:fld>
            <a:endParaRPr lang="en-US"/>
          </a:p>
        </p:txBody>
      </p:sp>
    </p:spTree>
    <p:extLst>
      <p:ext uri="{BB962C8B-B14F-4D97-AF65-F5344CB8AC3E}">
        <p14:creationId xmlns:p14="http://schemas.microsoft.com/office/powerpoint/2010/main" val="1054318091"/>
      </p:ext>
    </p:extLst>
  </p:cSld>
  <p:clrMap bg1="lt1" tx1="dk1" bg2="lt2" tx2="dk2" accent1="accent1" accent2="accent2" accent3="accent3" accent4="accent4" accent5="accent5" accent6="accent6" hlink="hlink" folHlink="folHlink"/>
  <p:sldLayoutIdLst>
    <p:sldLayoutId id="2147483694" r:id="rId1"/>
    <p:sldLayoutId id="2147483695" r:id="rId2"/>
    <p:sldLayoutId id="2147483696" r:id="rId3"/>
    <p:sldLayoutId id="2147483697" r:id="rId4"/>
    <p:sldLayoutId id="2147483698" r:id="rId5"/>
    <p:sldLayoutId id="2147483699" r:id="rId6"/>
    <p:sldLayoutId id="2147483700" r:id="rId7"/>
    <p:sldLayoutId id="2147483701" r:id="rId8"/>
    <p:sldLayoutId id="2147483702" r:id="rId9"/>
    <p:sldLayoutId id="2147483703" r:id="rId10"/>
    <p:sldLayoutId id="2147483704" r:id="rId11"/>
  </p:sldLayoutIdLst>
  <p:txStyles>
    <p:titleStyle>
      <a:lvl1pPr algn="ctr" defTabSz="914400" rtl="0" eaLnBrk="1" latinLnBrk="0" hangingPunct="1">
        <a:spcBef>
          <a:spcPct val="0"/>
        </a:spcBef>
        <a:buNone/>
        <a:defRPr sz="3600" kern="120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2pPr>
      <a:lvl3pPr marL="1143000" indent="-228600" algn="l" defTabSz="914400" rtl="0" eaLnBrk="1" latinLnBrk="0" hangingPunct="1">
        <a:spcBef>
          <a:spcPct val="20000"/>
        </a:spcBef>
        <a:buFont typeface="Wingdings" pitchFamily="2" charset="2"/>
        <a:buChar char="§"/>
        <a:defRPr sz="2000" kern="1200">
          <a:solidFill>
            <a:schemeClr val="tx1"/>
          </a:solidFill>
          <a:latin typeface="+mn-lt"/>
          <a:ea typeface="+mn-ea"/>
          <a:cs typeface="+mn-cs"/>
        </a:defRPr>
      </a:lvl3pPr>
      <a:lvl4pPr marL="1428750" indent="-228600" algn="l" defTabSz="914400" rtl="0" eaLnBrk="1" latinLnBrk="0" hangingPunct="1">
        <a:spcBef>
          <a:spcPct val="20000"/>
        </a:spcBef>
        <a:buSzPct val="85000"/>
        <a:buFont typeface="Wingdings" pitchFamily="2" charset="2"/>
        <a:buChar char="v"/>
        <a:defRPr sz="1800" kern="1200">
          <a:solidFill>
            <a:schemeClr val="tx1"/>
          </a:solidFill>
          <a:latin typeface="+mn-lt"/>
          <a:ea typeface="+mn-ea"/>
          <a:cs typeface="+mn-cs"/>
        </a:defRPr>
      </a:lvl4pPr>
      <a:lvl5pPr marL="1714500" indent="-228600" algn="l" defTabSz="914400" rtl="0" eaLnBrk="1" latinLnBrk="0" hangingPunct="1">
        <a:spcBef>
          <a:spcPct val="20000"/>
        </a:spcBef>
        <a:buFont typeface="Arial" pitchFamily="34" charset="0"/>
        <a:buChar char="»"/>
        <a:defRPr sz="18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ctangle 9"/>
          <p:cNvSpPr/>
          <p:nvPr userDrawn="1"/>
        </p:nvSpPr>
        <p:spPr>
          <a:xfrm>
            <a:off x="-3" y="675"/>
            <a:ext cx="12192000" cy="1188720"/>
          </a:xfrm>
          <a:prstGeom prst="rect">
            <a:avLst/>
          </a:prstGeom>
          <a:solidFill>
            <a:srgbClr val="2055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ln>
                <a:noFill/>
              </a:ln>
              <a:solidFill>
                <a:srgbClr val="719501"/>
              </a:solidFill>
            </a:endParaRPr>
          </a:p>
        </p:txBody>
      </p:sp>
      <p:sp>
        <p:nvSpPr>
          <p:cNvPr id="2" name="Title Placeholder 1"/>
          <p:cNvSpPr>
            <a:spLocks noGrp="1"/>
          </p:cNvSpPr>
          <p:nvPr>
            <p:ph type="title"/>
          </p:nvPr>
        </p:nvSpPr>
        <p:spPr>
          <a:xfrm>
            <a:off x="609600" y="182883"/>
            <a:ext cx="10972800" cy="914757"/>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609600" y="1554480"/>
            <a:ext cx="10972800" cy="4572000"/>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6296DA3-355D-4205-A8FE-CC73B70FC064}" type="datetimeFigureOut">
              <a:rPr lang="en-US" smtClean="0"/>
              <a:pPr/>
              <a:t>7/21/2020</a:t>
            </a:fld>
            <a:endParaRPr lang="en-US"/>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3DB64BC-0584-4169-B40B-A384FD25F727}" type="slidenum">
              <a:rPr lang="en-US" smtClean="0"/>
              <a:pPr/>
              <a:t>‹#›</a:t>
            </a:fld>
            <a:endParaRPr lang="en-US"/>
          </a:p>
        </p:txBody>
      </p:sp>
      <p:pic>
        <p:nvPicPr>
          <p:cNvPr id="11" name="Picture 2" descr="Z:\ G R A P H I C  E L E M E N T S\Logos\DHHS\GIF PNG files\DHHS logo black.png">
            <a:extLst>
              <a:ext uri="{FF2B5EF4-FFF2-40B4-BE49-F238E27FC236}">
                <a16:creationId xmlns:a16="http://schemas.microsoft.com/office/drawing/2014/main" id="{21470569-A73E-465D-A858-18491C049A4B}"/>
              </a:ext>
            </a:extLst>
          </p:cNvPr>
          <p:cNvPicPr>
            <a:picLocks noChangeAspect="1" noChangeArrowheads="1"/>
          </p:cNvPicPr>
          <p:nvPr userDrawn="1"/>
        </p:nvPicPr>
        <p:blipFill>
          <a:blip r:embed="rId13" cstate="email">
            <a:extLst>
              <a:ext uri="{28A0092B-C50C-407E-A947-70E740481C1C}">
                <a14:useLocalDpi xmlns:a14="http://schemas.microsoft.com/office/drawing/2010/main"/>
              </a:ext>
            </a:extLst>
          </a:blip>
          <a:srcRect/>
          <a:stretch>
            <a:fillRect/>
          </a:stretch>
        </p:blipFill>
        <p:spPr bwMode="auto">
          <a:xfrm>
            <a:off x="8559800" y="5744871"/>
            <a:ext cx="822960" cy="845747"/>
          </a:xfrm>
          <a:prstGeom prst="rect">
            <a:avLst/>
          </a:prstGeom>
          <a:noFill/>
        </p:spPr>
      </p:pic>
      <p:pic>
        <p:nvPicPr>
          <p:cNvPr id="12" name="Picture 2" descr="Z:\ G R A P H I C  E L E M E N T S\Logos\niddk\2013\NIH_NIDDK_Master_Logo\NIH_NIDDK_Master_Logo_2Color copy.png">
            <a:extLst>
              <a:ext uri="{FF2B5EF4-FFF2-40B4-BE49-F238E27FC236}">
                <a16:creationId xmlns:a16="http://schemas.microsoft.com/office/drawing/2014/main" id="{75D19FBD-7BFB-4F8D-A8DC-45F8CF9DCBE4}"/>
              </a:ext>
            </a:extLst>
          </p:cNvPr>
          <p:cNvPicPr>
            <a:picLocks noChangeAspect="1" noChangeArrowheads="1"/>
          </p:cNvPicPr>
          <p:nvPr userDrawn="1"/>
        </p:nvPicPr>
        <p:blipFill>
          <a:blip r:embed="rId14" cstate="email">
            <a:extLst>
              <a:ext uri="{28A0092B-C50C-407E-A947-70E740481C1C}">
                <a14:useLocalDpi xmlns:a14="http://schemas.microsoft.com/office/drawing/2010/main"/>
              </a:ext>
            </a:extLst>
          </a:blip>
          <a:srcRect/>
          <a:stretch>
            <a:fillRect/>
          </a:stretch>
        </p:blipFill>
        <p:spPr bwMode="auto">
          <a:xfrm>
            <a:off x="9550400" y="5891008"/>
            <a:ext cx="2286000" cy="509792"/>
          </a:xfrm>
          <a:prstGeom prst="rect">
            <a:avLst/>
          </a:prstGeom>
          <a:noFill/>
        </p:spPr>
      </p:pic>
      <p:pic>
        <p:nvPicPr>
          <p:cNvPr id="13" name="Picture 12">
            <a:extLst>
              <a:ext uri="{FF2B5EF4-FFF2-40B4-BE49-F238E27FC236}">
                <a16:creationId xmlns:a16="http://schemas.microsoft.com/office/drawing/2014/main" id="{BF6ACA18-AB6A-9E4E-9DFF-95BFE851064C}"/>
              </a:ext>
            </a:extLst>
          </p:cNvPr>
          <p:cNvPicPr>
            <a:picLocks noChangeAspect="1"/>
          </p:cNvPicPr>
          <p:nvPr userDrawn="1"/>
        </p:nvPicPr>
        <p:blipFill rotWithShape="1">
          <a:blip r:embed="rId15"/>
          <a:srcRect t="2" r="73239" b="-24667"/>
          <a:stretch/>
        </p:blipFill>
        <p:spPr>
          <a:xfrm>
            <a:off x="450508" y="5803576"/>
            <a:ext cx="1438607" cy="731520"/>
          </a:xfrm>
          <a:prstGeom prst="rect">
            <a:avLst/>
          </a:prstGeom>
        </p:spPr>
      </p:pic>
    </p:spTree>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ctr" defTabSz="914400" rtl="0" eaLnBrk="1" latinLnBrk="0" hangingPunct="1">
        <a:spcBef>
          <a:spcPct val="0"/>
        </a:spcBef>
        <a:buNone/>
        <a:defRPr sz="3600" kern="120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2pPr>
      <a:lvl3pPr marL="1143000" indent="-228600" algn="l" defTabSz="914400" rtl="0" eaLnBrk="1" latinLnBrk="0" hangingPunct="1">
        <a:spcBef>
          <a:spcPct val="20000"/>
        </a:spcBef>
        <a:buFont typeface="Wingdings" pitchFamily="2" charset="2"/>
        <a:buChar char="§"/>
        <a:defRPr sz="2000" kern="1200">
          <a:solidFill>
            <a:schemeClr val="tx1"/>
          </a:solidFill>
          <a:latin typeface="+mn-lt"/>
          <a:ea typeface="+mn-ea"/>
          <a:cs typeface="+mn-cs"/>
        </a:defRPr>
      </a:lvl3pPr>
      <a:lvl4pPr marL="1428750" indent="-228600" algn="l" defTabSz="914400" rtl="0" eaLnBrk="1" latinLnBrk="0" hangingPunct="1">
        <a:spcBef>
          <a:spcPct val="20000"/>
        </a:spcBef>
        <a:buSzPct val="85000"/>
        <a:buFont typeface="Wingdings" pitchFamily="2" charset="2"/>
        <a:buChar char="v"/>
        <a:defRPr sz="1800" kern="1200">
          <a:solidFill>
            <a:schemeClr val="tx1"/>
          </a:solidFill>
          <a:latin typeface="+mn-lt"/>
          <a:ea typeface="+mn-ea"/>
          <a:cs typeface="+mn-cs"/>
        </a:defRPr>
      </a:lvl4pPr>
      <a:lvl5pPr marL="1714500" indent="-228600" algn="l" defTabSz="914400" rtl="0" eaLnBrk="1" latinLnBrk="0" hangingPunct="1">
        <a:spcBef>
          <a:spcPct val="20000"/>
        </a:spcBef>
        <a:buFont typeface="Arial" pitchFamily="34" charset="0"/>
        <a:buChar char="»"/>
        <a:defRPr sz="18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2"/>
        </a:solidFill>
        <a:effectLst/>
      </p:bgPr>
    </p:bg>
    <p:spTree>
      <p:nvGrpSpPr>
        <p:cNvPr id="1" name=""/>
        <p:cNvGrpSpPr/>
        <p:nvPr/>
      </p:nvGrpSpPr>
      <p:grpSpPr>
        <a:xfrm>
          <a:off x="0" y="0"/>
          <a:ext cx="0" cy="0"/>
          <a:chOff x="0" y="0"/>
          <a:chExt cx="0" cy="0"/>
        </a:xfrm>
      </p:grpSpPr>
      <p:sp>
        <p:nvSpPr>
          <p:cNvPr id="1027" name="Text Placeholder 2"/>
          <p:cNvSpPr>
            <a:spLocks noGrp="1"/>
          </p:cNvSpPr>
          <p:nvPr>
            <p:ph type="body" idx="1"/>
          </p:nvPr>
        </p:nvSpPr>
        <p:spPr bwMode="auto">
          <a:xfrm>
            <a:off x="838200" y="1826684"/>
            <a:ext cx="10515600" cy="43497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dirty="0"/>
              <a:t>Click to edit Master text styles</a:t>
            </a:r>
          </a:p>
          <a:p>
            <a:pPr lvl="1"/>
            <a:r>
              <a:rPr lang="en-US" altLang="en-US" dirty="0"/>
              <a:t>Second level</a:t>
            </a:r>
          </a:p>
          <a:p>
            <a:pPr lvl="2"/>
            <a:r>
              <a:rPr lang="en-US" altLang="en-US" dirty="0"/>
              <a:t>Third level</a:t>
            </a:r>
          </a:p>
          <a:p>
            <a:pPr lvl="3"/>
            <a:r>
              <a:rPr lang="en-US" altLang="en-US" dirty="0"/>
              <a:t>Fourth level</a:t>
            </a:r>
          </a:p>
          <a:p>
            <a:pPr lvl="4"/>
            <a:r>
              <a:rPr lang="en-US" altLang="en-US" dirty="0"/>
              <a:t>Fifth level</a:t>
            </a:r>
          </a:p>
        </p:txBody>
      </p:sp>
    </p:spTree>
    <p:extLst>
      <p:ext uri="{BB962C8B-B14F-4D97-AF65-F5344CB8AC3E}">
        <p14:creationId xmlns:p14="http://schemas.microsoft.com/office/powerpoint/2010/main" val="374324977"/>
      </p:ext>
    </p:extLst>
  </p:cSld>
  <p:clrMap bg1="lt1" tx1="dk1" bg2="lt2" tx2="dk2" accent1="accent1" accent2="accent2" accent3="accent3" accent4="accent4" accent5="accent5" accent6="accent6" hlink="hlink" folHlink="folHlink"/>
  <p:sldLayoutIdLst>
    <p:sldLayoutId id="2147483733" r:id="rId1"/>
    <p:sldLayoutId id="2147483734" r:id="rId2"/>
    <p:sldLayoutId id="2147483735" r:id="rId3"/>
    <p:sldLayoutId id="2147483736" r:id="rId4"/>
    <p:sldLayoutId id="2147483737" r:id="rId5"/>
    <p:sldLayoutId id="2147483739" r:id="rId6"/>
  </p:sldLayoutIdLst>
  <p:transition>
    <p:fade/>
  </p:transition>
  <p:txStyles>
    <p:titleStyle>
      <a:lvl1pPr algn="ctr" rtl="0" eaLnBrk="0" fontAlgn="base" hangingPunct="0">
        <a:spcBef>
          <a:spcPct val="0"/>
        </a:spcBef>
        <a:spcAft>
          <a:spcPct val="0"/>
        </a:spcAft>
        <a:defRPr sz="5867" kern="1200">
          <a:solidFill>
            <a:schemeClr val="tx1"/>
          </a:solidFill>
          <a:latin typeface="+mj-lt"/>
          <a:ea typeface="+mj-ea"/>
          <a:cs typeface="+mj-cs"/>
        </a:defRPr>
      </a:lvl1pPr>
      <a:lvl2pPr algn="ctr" rtl="0" eaLnBrk="0" fontAlgn="base" hangingPunct="0">
        <a:spcBef>
          <a:spcPct val="0"/>
        </a:spcBef>
        <a:spcAft>
          <a:spcPct val="0"/>
        </a:spcAft>
        <a:defRPr sz="5867">
          <a:solidFill>
            <a:schemeClr val="tx1"/>
          </a:solidFill>
          <a:latin typeface="Myriad Web Pro" panose="020B0503030403020204" pitchFamily="34" charset="0"/>
        </a:defRPr>
      </a:lvl2pPr>
      <a:lvl3pPr algn="ctr" rtl="0" eaLnBrk="0" fontAlgn="base" hangingPunct="0">
        <a:spcBef>
          <a:spcPct val="0"/>
        </a:spcBef>
        <a:spcAft>
          <a:spcPct val="0"/>
        </a:spcAft>
        <a:defRPr sz="5867">
          <a:solidFill>
            <a:schemeClr val="tx1"/>
          </a:solidFill>
          <a:latin typeface="Myriad Web Pro" panose="020B0503030403020204" pitchFamily="34" charset="0"/>
        </a:defRPr>
      </a:lvl3pPr>
      <a:lvl4pPr algn="ctr" rtl="0" eaLnBrk="0" fontAlgn="base" hangingPunct="0">
        <a:spcBef>
          <a:spcPct val="0"/>
        </a:spcBef>
        <a:spcAft>
          <a:spcPct val="0"/>
        </a:spcAft>
        <a:defRPr sz="5867">
          <a:solidFill>
            <a:schemeClr val="tx1"/>
          </a:solidFill>
          <a:latin typeface="Myriad Web Pro" panose="020B0503030403020204" pitchFamily="34" charset="0"/>
        </a:defRPr>
      </a:lvl4pPr>
      <a:lvl5pPr algn="ctr" rtl="0" eaLnBrk="0" fontAlgn="base" hangingPunct="0">
        <a:spcBef>
          <a:spcPct val="0"/>
        </a:spcBef>
        <a:spcAft>
          <a:spcPct val="0"/>
        </a:spcAft>
        <a:defRPr sz="5867">
          <a:solidFill>
            <a:schemeClr val="tx1"/>
          </a:solidFill>
          <a:latin typeface="Myriad Web Pro" panose="020B0503030403020204" pitchFamily="34" charset="0"/>
        </a:defRPr>
      </a:lvl5pPr>
      <a:lvl6pPr marL="609585" algn="ctr" rtl="0" fontAlgn="base">
        <a:spcBef>
          <a:spcPct val="0"/>
        </a:spcBef>
        <a:spcAft>
          <a:spcPct val="0"/>
        </a:spcAft>
        <a:defRPr sz="5867">
          <a:solidFill>
            <a:schemeClr val="tx1"/>
          </a:solidFill>
          <a:latin typeface="Myriad Web Pro" panose="020B0503030403020204" pitchFamily="34" charset="0"/>
        </a:defRPr>
      </a:lvl6pPr>
      <a:lvl7pPr marL="1219170" algn="ctr" rtl="0" fontAlgn="base">
        <a:spcBef>
          <a:spcPct val="0"/>
        </a:spcBef>
        <a:spcAft>
          <a:spcPct val="0"/>
        </a:spcAft>
        <a:defRPr sz="5867">
          <a:solidFill>
            <a:schemeClr val="tx1"/>
          </a:solidFill>
          <a:latin typeface="Myriad Web Pro" panose="020B0503030403020204" pitchFamily="34" charset="0"/>
        </a:defRPr>
      </a:lvl7pPr>
      <a:lvl8pPr marL="1828754" algn="ctr" rtl="0" fontAlgn="base">
        <a:spcBef>
          <a:spcPct val="0"/>
        </a:spcBef>
        <a:spcAft>
          <a:spcPct val="0"/>
        </a:spcAft>
        <a:defRPr sz="5867">
          <a:solidFill>
            <a:schemeClr val="tx1"/>
          </a:solidFill>
          <a:latin typeface="Myriad Web Pro" panose="020B0503030403020204" pitchFamily="34" charset="0"/>
        </a:defRPr>
      </a:lvl8pPr>
      <a:lvl9pPr marL="2438339" algn="ctr" rtl="0" fontAlgn="base">
        <a:spcBef>
          <a:spcPct val="0"/>
        </a:spcBef>
        <a:spcAft>
          <a:spcPct val="0"/>
        </a:spcAft>
        <a:defRPr sz="5867">
          <a:solidFill>
            <a:schemeClr val="tx1"/>
          </a:solidFill>
          <a:latin typeface="Myriad Web Pro" panose="020B0503030403020204" pitchFamily="34" charset="0"/>
        </a:defRPr>
      </a:lvl9pPr>
    </p:titleStyle>
    <p:bodyStyle>
      <a:lvl1pPr marL="457189" indent="-457189" algn="l" rtl="0" eaLnBrk="0" fontAlgn="base" hangingPunct="0">
        <a:spcBef>
          <a:spcPct val="20000"/>
        </a:spcBef>
        <a:spcAft>
          <a:spcPct val="0"/>
        </a:spcAft>
        <a:buFont typeface="Arial" panose="020B0604020202020204" pitchFamily="34" charset="0"/>
        <a:buChar char="•"/>
        <a:defRPr sz="4267" kern="1200">
          <a:solidFill>
            <a:srgbClr val="7F7F7F"/>
          </a:solidFill>
          <a:latin typeface="Calibri" panose="020F0502020204030204" pitchFamily="34" charset="0"/>
          <a:ea typeface="+mn-ea"/>
          <a:cs typeface="+mn-cs"/>
        </a:defRPr>
      </a:lvl1pPr>
      <a:lvl2pPr marL="990575" indent="-380990" algn="l" rtl="0" eaLnBrk="0" fontAlgn="base" hangingPunct="0">
        <a:spcBef>
          <a:spcPct val="20000"/>
        </a:spcBef>
        <a:spcAft>
          <a:spcPct val="0"/>
        </a:spcAft>
        <a:buFont typeface="Arial" panose="020B0604020202020204" pitchFamily="34" charset="0"/>
        <a:buChar char="–"/>
        <a:defRPr sz="3733" kern="1200">
          <a:solidFill>
            <a:srgbClr val="7F7F7F"/>
          </a:solidFill>
          <a:latin typeface="Calibri" panose="020F0502020204030204" pitchFamily="34" charset="0"/>
          <a:ea typeface="+mn-ea"/>
          <a:cs typeface="+mn-cs"/>
        </a:defRPr>
      </a:lvl2pPr>
      <a:lvl3pPr marL="1523962" indent="-304792" algn="l" rtl="0" eaLnBrk="0" fontAlgn="base" hangingPunct="0">
        <a:spcBef>
          <a:spcPct val="20000"/>
        </a:spcBef>
        <a:spcAft>
          <a:spcPct val="0"/>
        </a:spcAft>
        <a:buFont typeface="Arial" panose="020B0604020202020204" pitchFamily="34" charset="0"/>
        <a:buChar char="•"/>
        <a:defRPr sz="3200" kern="1200">
          <a:solidFill>
            <a:srgbClr val="7F7F7F"/>
          </a:solidFill>
          <a:latin typeface="Calibri" panose="020F0502020204030204" pitchFamily="34" charset="0"/>
          <a:ea typeface="+mn-ea"/>
          <a:cs typeface="+mn-cs"/>
        </a:defRPr>
      </a:lvl3pPr>
      <a:lvl4pPr marL="2133547" indent="-304792" algn="l" rtl="0" eaLnBrk="0" fontAlgn="base" hangingPunct="0">
        <a:spcBef>
          <a:spcPct val="20000"/>
        </a:spcBef>
        <a:spcAft>
          <a:spcPct val="0"/>
        </a:spcAft>
        <a:buFont typeface="Arial" panose="020B0604020202020204" pitchFamily="34" charset="0"/>
        <a:buChar char="–"/>
        <a:defRPr sz="2667" kern="1200">
          <a:solidFill>
            <a:srgbClr val="7F7F7F"/>
          </a:solidFill>
          <a:latin typeface="Calibri" panose="020F0502020204030204" pitchFamily="34" charset="0"/>
          <a:ea typeface="+mn-ea"/>
          <a:cs typeface="+mn-cs"/>
        </a:defRPr>
      </a:lvl4pPr>
      <a:lvl5pPr marL="2743131" indent="-304792" algn="l" rtl="0" eaLnBrk="0" fontAlgn="base" hangingPunct="0">
        <a:spcBef>
          <a:spcPct val="20000"/>
        </a:spcBef>
        <a:spcAft>
          <a:spcPct val="0"/>
        </a:spcAft>
        <a:buFont typeface="Arial" panose="020B0604020202020204" pitchFamily="34" charset="0"/>
        <a:buChar char="»"/>
        <a:defRPr sz="2667" kern="1200">
          <a:solidFill>
            <a:srgbClr val="7F7F7F"/>
          </a:solidFill>
          <a:latin typeface="Calibri" panose="020F0502020204030204" pitchFamily="34" charset="0"/>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_rels/slide1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5.xml"/><Relationship Id="rId1" Type="http://schemas.openxmlformats.org/officeDocument/2006/relationships/slideLayout" Target="../slideLayouts/slideLayout43.xml"/></Relationships>
</file>

<file path=ppt/slides/_rels/slide12.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8.xml"/></Relationships>
</file>

<file path=ppt/slides/_rels/slide13.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12.jpeg"/><Relationship Id="rId7" Type="http://schemas.openxmlformats.org/officeDocument/2006/relationships/image" Target="../media/image16.png"/><Relationship Id="rId2" Type="http://schemas.openxmlformats.org/officeDocument/2006/relationships/notesSlide" Target="../notesSlides/notesSlide6.xml"/><Relationship Id="rId1" Type="http://schemas.openxmlformats.org/officeDocument/2006/relationships/slideLayout" Target="../slideLayouts/slideLayout49.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image" Target="../media/image13.tiff"/><Relationship Id="rId9" Type="http://schemas.openxmlformats.org/officeDocument/2006/relationships/image" Target="../media/image18.tiff"/></Relationships>
</file>

<file path=ppt/slides/_rels/slide14.xml.rels><?xml version="1.0" encoding="UTF-8" standalone="yes"?>
<Relationships xmlns="http://schemas.openxmlformats.org/package/2006/relationships"><Relationship Id="rId3" Type="http://schemas.openxmlformats.org/officeDocument/2006/relationships/hyperlink" Target="https://catalyst.nejm.org/making-the-comprehensive-shared-care-plan-a-reality/" TargetMode="External"/><Relationship Id="rId2" Type="http://schemas.openxmlformats.org/officeDocument/2006/relationships/notesSlide" Target="../notesSlides/notesSlide7.xml"/><Relationship Id="rId1" Type="http://schemas.openxmlformats.org/officeDocument/2006/relationships/slideLayout" Target="../slideLayouts/slideLayout49.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_rels/slide1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8.xml"/><Relationship Id="rId1" Type="http://schemas.openxmlformats.org/officeDocument/2006/relationships/slideLayout" Target="../slideLayouts/slideLayout38.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8.xml"/></Relationships>
</file>

<file path=ppt/slides/_rels/slide18.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0.xml"/><Relationship Id="rId1" Type="http://schemas.openxmlformats.org/officeDocument/2006/relationships/slideLayout" Target="../slideLayouts/slideLayout3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9.xml.rels><?xml version="1.0" encoding="UTF-8" standalone="yes"?>
<Relationships xmlns="http://schemas.openxmlformats.org/package/2006/relationships"><Relationship Id="rId8" Type="http://schemas.openxmlformats.org/officeDocument/2006/relationships/diagramColors" Target="../diagrams/colors3.xml"/><Relationship Id="rId3" Type="http://schemas.openxmlformats.org/officeDocument/2006/relationships/slideLayout" Target="../slideLayouts/slideLayout32.xml"/><Relationship Id="rId7" Type="http://schemas.openxmlformats.org/officeDocument/2006/relationships/diagramQuickStyle" Target="../diagrams/quickStyle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diagramLayout" Target="../diagrams/layout3.xml"/><Relationship Id="rId5" Type="http://schemas.openxmlformats.org/officeDocument/2006/relationships/diagramData" Target="../diagrams/data3.xml"/><Relationship Id="rId4" Type="http://schemas.openxmlformats.org/officeDocument/2006/relationships/notesSlide" Target="../notesSlides/notesSlide11.xml"/><Relationship Id="rId9" Type="http://schemas.microsoft.com/office/2007/relationships/diagramDrawing" Target="../diagrams/drawing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49.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49.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9.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9.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49.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49.xml"/></Relationships>
</file>

<file path=ppt/slides/_rels/slide27.xml.rels><?xml version="1.0" encoding="UTF-8" standalone="yes"?>
<Relationships xmlns="http://schemas.openxmlformats.org/package/2006/relationships"><Relationship Id="rId3" Type="http://schemas.openxmlformats.org/officeDocument/2006/relationships/hyperlink" Target="https://confluence.hl7.org/display/PC/Multiple+Chronic+Conditions+%28MCC%29+eCare+Plan" TargetMode="External"/><Relationship Id="rId2" Type="http://schemas.openxmlformats.org/officeDocument/2006/relationships/hyperlink" Target="https://ecareplan.ahrq.gov/collaborate/" TargetMode="External"/><Relationship Id="rId1" Type="http://schemas.openxmlformats.org/officeDocument/2006/relationships/slideLayout" Target="../slideLayouts/slideLayout49.xml"/><Relationship Id="rId4" Type="http://schemas.openxmlformats.org/officeDocument/2006/relationships/hyperlink" Target="mailto:jenna.norton@nih.gov" TargetMode="Externa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8.xml"/><Relationship Id="rId1" Type="http://schemas.openxmlformats.org/officeDocument/2006/relationships/slideLayout" Target="../slideLayouts/slideLayout59.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2.jpeg"/><Relationship Id="rId3" Type="http://schemas.openxmlformats.org/officeDocument/2006/relationships/image" Target="../media/image22.png"/><Relationship Id="rId7" Type="http://schemas.openxmlformats.org/officeDocument/2006/relationships/image" Target="../media/image26.png"/><Relationship Id="rId12" Type="http://schemas.openxmlformats.org/officeDocument/2006/relationships/image" Target="../media/image31.jpeg"/><Relationship Id="rId2" Type="http://schemas.openxmlformats.org/officeDocument/2006/relationships/notesSlide" Target="../notesSlides/notesSlide19.xml"/><Relationship Id="rId16" Type="http://schemas.openxmlformats.org/officeDocument/2006/relationships/image" Target="../media/image35.jpeg"/><Relationship Id="rId1" Type="http://schemas.openxmlformats.org/officeDocument/2006/relationships/slideLayout" Target="../slideLayouts/slideLayout60.xml"/><Relationship Id="rId6" Type="http://schemas.openxmlformats.org/officeDocument/2006/relationships/image" Target="../media/image25.png"/><Relationship Id="rId11" Type="http://schemas.openxmlformats.org/officeDocument/2006/relationships/image" Target="../media/image30.png"/><Relationship Id="rId5" Type="http://schemas.openxmlformats.org/officeDocument/2006/relationships/image" Target="../media/image24.png"/><Relationship Id="rId15" Type="http://schemas.openxmlformats.org/officeDocument/2006/relationships/image" Target="../media/image34.jpeg"/><Relationship Id="rId10" Type="http://schemas.openxmlformats.org/officeDocument/2006/relationships/image" Target="../media/image29.jpg"/><Relationship Id="rId4" Type="http://schemas.openxmlformats.org/officeDocument/2006/relationships/image" Target="../media/image23.png"/><Relationship Id="rId9" Type="http://schemas.openxmlformats.org/officeDocument/2006/relationships/image" Target="../media/image28.png"/><Relationship Id="rId14" Type="http://schemas.openxmlformats.org/officeDocument/2006/relationships/image" Target="../media/image33.png"/></Relationships>
</file>

<file path=ppt/slides/_rels/slide31.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9.jpeg"/><Relationship Id="rId3" Type="http://schemas.openxmlformats.org/officeDocument/2006/relationships/image" Target="../media/image22.png"/><Relationship Id="rId7" Type="http://schemas.openxmlformats.org/officeDocument/2006/relationships/image" Target="../media/image26.png"/><Relationship Id="rId12" Type="http://schemas.openxmlformats.org/officeDocument/2006/relationships/image" Target="../media/image38.jpeg"/><Relationship Id="rId2" Type="http://schemas.openxmlformats.org/officeDocument/2006/relationships/notesSlide" Target="../notesSlides/notesSlide20.xml"/><Relationship Id="rId16" Type="http://schemas.openxmlformats.org/officeDocument/2006/relationships/image" Target="../media/image41.png"/><Relationship Id="rId1" Type="http://schemas.openxmlformats.org/officeDocument/2006/relationships/slideLayout" Target="../slideLayouts/slideLayout60.xml"/><Relationship Id="rId6" Type="http://schemas.openxmlformats.org/officeDocument/2006/relationships/image" Target="../media/image25.png"/><Relationship Id="rId11" Type="http://schemas.openxmlformats.org/officeDocument/2006/relationships/image" Target="../media/image30.png"/><Relationship Id="rId5" Type="http://schemas.openxmlformats.org/officeDocument/2006/relationships/image" Target="../media/image24.png"/><Relationship Id="rId15" Type="http://schemas.openxmlformats.org/officeDocument/2006/relationships/image" Target="../media/image40.jpeg"/><Relationship Id="rId10" Type="http://schemas.openxmlformats.org/officeDocument/2006/relationships/image" Target="../media/image29.jpg"/><Relationship Id="rId4" Type="http://schemas.openxmlformats.org/officeDocument/2006/relationships/image" Target="../media/image36.png"/><Relationship Id="rId9" Type="http://schemas.openxmlformats.org/officeDocument/2006/relationships/image" Target="../media/image37.png"/><Relationship Id="rId14" Type="http://schemas.openxmlformats.org/officeDocument/2006/relationships/image" Target="../media/image33.png"/></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63.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63.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0.xml"/></Relationships>
</file>

<file path=ppt/slides/_rels/slide35.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22.xml"/><Relationship Id="rId1" Type="http://schemas.openxmlformats.org/officeDocument/2006/relationships/slideLayout" Target="../slideLayouts/slideLayout60.xml"/></Relationships>
</file>

<file path=ppt/slides/_rels/slide36.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23.xml"/><Relationship Id="rId1" Type="http://schemas.openxmlformats.org/officeDocument/2006/relationships/slideLayout" Target="../slideLayouts/slideLayout60.xml"/><Relationship Id="rId5" Type="http://schemas.openxmlformats.org/officeDocument/2006/relationships/image" Target="../media/image45.png"/><Relationship Id="rId4" Type="http://schemas.openxmlformats.org/officeDocument/2006/relationships/image" Target="../media/image44.svg"/></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60.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60.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60.xml"/></Relationships>
</file>

<file path=ppt/slides/_rels/slide4.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0.xml.rels><?xml version="1.0" encoding="UTF-8" standalone="yes"?>
<Relationships xmlns="http://schemas.openxmlformats.org/package/2006/relationships"><Relationship Id="rId3" Type="http://schemas.openxmlformats.org/officeDocument/2006/relationships/hyperlink" Target="https://www.cdc.gov/surveillance/projects/Modernizing-Death-Reporting.html" TargetMode="External"/><Relationship Id="rId2" Type="http://schemas.openxmlformats.org/officeDocument/2006/relationships/hyperlink" Target="https://www.cdc.gov/nchs/nvss/modernization.htm" TargetMode="External"/><Relationship Id="rId1" Type="http://schemas.openxmlformats.org/officeDocument/2006/relationships/slideLayout" Target="../slideLayouts/slideLayout63.xml"/><Relationship Id="rId4" Type="http://schemas.openxmlformats.org/officeDocument/2006/relationships/hyperlink" Target="http://hl7.org/fhir/us/vrdr/" TargetMode="Externa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8" Type="http://schemas.openxmlformats.org/officeDocument/2006/relationships/hyperlink" Target="mailto:pdz1@cdc.gov" TargetMode="External"/><Relationship Id="rId13" Type="http://schemas.openxmlformats.org/officeDocument/2006/relationships/hyperlink" Target="mailto:nagesh.bashyam@drajer.com" TargetMode="External"/><Relationship Id="rId18" Type="http://schemas.openxmlformats.org/officeDocument/2006/relationships/hyperlink" Target="mailto:brett@waveoneassociates.com" TargetMode="External"/><Relationship Id="rId3" Type="http://schemas.openxmlformats.org/officeDocument/2006/relationships/hyperlink" Target="mailto:wfb6@cdc.gov" TargetMode="External"/><Relationship Id="rId7" Type="http://schemas.openxmlformats.org/officeDocument/2006/relationships/hyperlink" Target="mailto:vaz6@cdc.gov" TargetMode="External"/><Relationship Id="rId12" Type="http://schemas.openxmlformats.org/officeDocument/2006/relationships/hyperlink" Target="mailto:lober@uw.edu" TargetMode="External"/><Relationship Id="rId17" Type="http://schemas.openxmlformats.org/officeDocument/2006/relationships/hyperlink" Target="mailto:mike.flanigan@carradora.com" TargetMode="External"/><Relationship Id="rId2" Type="http://schemas.openxmlformats.org/officeDocument/2006/relationships/hyperlink" Target="mailto:ktx2@cdc.gov" TargetMode="External"/><Relationship Id="rId16" Type="http://schemas.openxmlformats.org/officeDocument/2006/relationships/hyperlink" Target="mailto:kishore.bashyam@drajer.com" TargetMode="External"/><Relationship Id="rId1" Type="http://schemas.openxmlformats.org/officeDocument/2006/relationships/slideLayout" Target="../slideLayouts/slideLayout2.xml"/><Relationship Id="rId6" Type="http://schemas.openxmlformats.org/officeDocument/2006/relationships/hyperlink" Target="mailto:ieo9@cdc.gov" TargetMode="External"/><Relationship Id="rId11" Type="http://schemas.openxmlformats.org/officeDocument/2006/relationships/hyperlink" Target="mailto:john.loonsk@jhu.edu" TargetMode="External"/><Relationship Id="rId5" Type="http://schemas.openxmlformats.org/officeDocument/2006/relationships/hyperlink" Target="mailto:puv5@cdc.gov" TargetMode="External"/><Relationship Id="rId15" Type="http://schemas.openxmlformats.org/officeDocument/2006/relationships/hyperlink" Target="mailto:jamie.parker@carradora.com" TargetMode="External"/><Relationship Id="rId10" Type="http://schemas.openxmlformats.org/officeDocument/2006/relationships/hyperlink" Target="mailto:lbk1@cdc.gov" TargetMode="External"/><Relationship Id="rId4" Type="http://schemas.openxmlformats.org/officeDocument/2006/relationships/hyperlink" Target="mailto:fos2@cdc.gov" TargetMode="External"/><Relationship Id="rId9" Type="http://schemas.openxmlformats.org/officeDocument/2006/relationships/hyperlink" Target="mailto:wso3@cdc.gov" TargetMode="External"/><Relationship Id="rId14" Type="http://schemas.openxmlformats.org/officeDocument/2006/relationships/hyperlink" Target="mailto:becky.angeles@carradora.com" TargetMode="Externa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26.xml"/><Relationship Id="rId1" Type="http://schemas.openxmlformats.org/officeDocument/2006/relationships/slideLayout" Target="../slideLayouts/slideLayout7.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8" Type="http://schemas.openxmlformats.org/officeDocument/2006/relationships/hyperlink" Target="https://confluence.hl7.org/display/FHIR/IG+Publisher+Documentation" TargetMode="External"/><Relationship Id="rId3" Type="http://schemas.openxmlformats.org/officeDocument/2006/relationships/hyperlink" Target="https://hl7.org/fhir/summary.html" TargetMode="External"/><Relationship Id="rId7" Type="http://schemas.openxmlformats.org/officeDocument/2006/relationships/hyperlink" Target="https://www.hl7.org/fhir/overview-arch.html" TargetMode="External"/><Relationship Id="rId2" Type="http://schemas.openxmlformats.org/officeDocument/2006/relationships/hyperlink" Target="https://hl7.org/fhir/" TargetMode="External"/><Relationship Id="rId1" Type="http://schemas.openxmlformats.org/officeDocument/2006/relationships/slideLayout" Target="../slideLayouts/slideLayout2.xml"/><Relationship Id="rId6" Type="http://schemas.openxmlformats.org/officeDocument/2006/relationships/hyperlink" Target="https://www.hl7.org/fhir/overview-clinical.html" TargetMode="External"/><Relationship Id="rId5" Type="http://schemas.openxmlformats.org/officeDocument/2006/relationships/hyperlink" Target="https://www.hl7.org/fhir/overview-dev.html" TargetMode="External"/><Relationship Id="rId4" Type="http://schemas.openxmlformats.org/officeDocument/2006/relationships/hyperlink" Target="https://www.hl7.org/fhir/overview.html" TargetMode="External"/><Relationship Id="rId9" Type="http://schemas.openxmlformats.org/officeDocument/2006/relationships/hyperlink" Target="https://confluence.hl7.org/display/FHIR/FHIR+Implementation+Guide+Process+Flow" TargetMode="External"/></Relationships>
</file>

<file path=ppt/slides/_rels/slide5.xml.rels><?xml version="1.0" encoding="UTF-8" standalone="yes"?>
<Relationships xmlns="http://schemas.openxmlformats.org/package/2006/relationships"><Relationship Id="rId3" Type="http://schemas.openxmlformats.org/officeDocument/2006/relationships/hyperlink" Target="https://carradora.atlassian.net/wiki/spaces/MedMorph/pages/692060180/Health+Care+Survey+Use+Case+-+DRAFT" TargetMode="External"/><Relationship Id="rId2" Type="http://schemas.openxmlformats.org/officeDocument/2006/relationships/hyperlink" Target="https://carradora.atlassian.net/wiki/spaces/MedMorph/pages/545914881/Reference+Architecture+Document" TargetMode="External"/><Relationship Id="rId1" Type="http://schemas.openxmlformats.org/officeDocument/2006/relationships/slideLayout" Target="../slideLayouts/slideLayout2.xml"/><Relationship Id="rId5" Type="http://schemas.openxmlformats.org/officeDocument/2006/relationships/hyperlink" Target="https://carradora.atlassian.net/wiki/spaces/MedMorph/pages/699990019/Cancer+Use+Case+-+DRAFT" TargetMode="External"/><Relationship Id="rId4" Type="http://schemas.openxmlformats.org/officeDocument/2006/relationships/hyperlink" Target="https://carradora.atlassian.net/wiki/spaces/MedMorph/pages/694452251/Hepatitis+C+Use+Case+-+DRAFT" TargetMode="External"/></Relationships>
</file>

<file path=ppt/slides/_rels/slide6.xml.rels><?xml version="1.0" encoding="UTF-8" standalone="yes"?>
<Relationships xmlns="http://schemas.openxmlformats.org/package/2006/relationships"><Relationship Id="rId3" Type="http://schemas.openxmlformats.org/officeDocument/2006/relationships/hyperlink" Target="https://www.hl7.org/events/fhir/connectathon/2020/09/" TargetMode="External"/><Relationship Id="rId2" Type="http://schemas.openxmlformats.org/officeDocument/2006/relationships/hyperlink" Target="https://confluence.hl7.org/display/PHWG/Making+EHR+Data+More+Available+for+Research+and+Public+Health+%28MedMorph%29+Reference+Architecture+HL7+FHIR+Implementation+Guide" TargetMode="External"/><Relationship Id="rId1" Type="http://schemas.openxmlformats.org/officeDocument/2006/relationships/slideLayout" Target="../slideLayouts/slideLayout2.xml"/><Relationship Id="rId4" Type="http://schemas.openxmlformats.org/officeDocument/2006/relationships/hyperlink" Target="https://www.hl7.org/events/working_group_meeting/2020/09/index.cfm?utm_source=HL7+Members+Verified+Oct+2019+Large+List&amp;utm_campaign=1c006492ee-EMAIL_CAMPAIGN_2018_01_29_COPY_01&amp;utm_medium=email&amp;utm_term=0_06eea0748f-1c006492ee-55792321" TargetMode="Externa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9.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12.jpeg"/><Relationship Id="rId7"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49.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image" Target="../media/image13.tiff"/><Relationship Id="rId9" Type="http://schemas.openxmlformats.org/officeDocument/2006/relationships/image" Target="../media/image18.tif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p:cNvSpPr/>
          <p:nvPr/>
        </p:nvSpPr>
        <p:spPr>
          <a:xfrm>
            <a:off x="0" y="-30325"/>
            <a:ext cx="12192000" cy="570173"/>
          </a:xfrm>
          <a:prstGeom prst="rect">
            <a:avLst/>
          </a:prstGeom>
          <a:solidFill>
            <a:srgbClr val="FFFFFF">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r>
              <a:rPr lang="en-US" sz="2400" dirty="0">
                <a:solidFill>
                  <a:srgbClr val="FFFFFF"/>
                </a:solidFill>
                <a:latin typeface="Myriad Web Pro"/>
              </a:rPr>
              <a:t>										July 21, 2020 </a:t>
            </a:r>
          </a:p>
        </p:txBody>
      </p:sp>
      <p:sp>
        <p:nvSpPr>
          <p:cNvPr id="2" name="Subtitle 1"/>
          <p:cNvSpPr>
            <a:spLocks noGrp="1"/>
          </p:cNvSpPr>
          <p:nvPr>
            <p:ph type="subTitle" idx="1"/>
          </p:nvPr>
        </p:nvSpPr>
        <p:spPr>
          <a:xfrm>
            <a:off x="0" y="3244241"/>
            <a:ext cx="12192000" cy="2937756"/>
          </a:xfrm>
        </p:spPr>
        <p:txBody>
          <a:bodyPr vert="horz" lIns="91440" tIns="45720" rIns="91440" bIns="45720" rtlCol="0" anchor="t">
            <a:noAutofit/>
          </a:bodyPr>
          <a:lstStyle/>
          <a:p>
            <a:pPr algn="ctr"/>
            <a:r>
              <a:rPr lang="en-US" sz="2400" dirty="0">
                <a:latin typeface="Calibri"/>
                <a:cs typeface="Calibri"/>
              </a:rPr>
              <a:t>Co-Chairs:</a:t>
            </a:r>
          </a:p>
          <a:p>
            <a:pPr algn="ctr"/>
            <a:endParaRPr lang="en-US" sz="1000" dirty="0">
              <a:latin typeface="Calibri"/>
              <a:cs typeface="Calibri"/>
            </a:endParaRPr>
          </a:p>
          <a:p>
            <a:pPr algn="ctr"/>
            <a:r>
              <a:rPr lang="en-US" sz="2400" dirty="0">
                <a:latin typeface="Calibri"/>
                <a:cs typeface="Calibri"/>
              </a:rPr>
              <a:t>Bill Lober</a:t>
            </a:r>
          </a:p>
          <a:p>
            <a:pPr algn="ctr"/>
            <a:r>
              <a:rPr lang="en-US" sz="2400" dirty="0">
                <a:latin typeface="Calibri"/>
                <a:cs typeface="Calibri"/>
              </a:rPr>
              <a:t>University of Washington</a:t>
            </a:r>
          </a:p>
          <a:p>
            <a:pPr algn="ctr"/>
            <a:endParaRPr lang="en-US" sz="1000" dirty="0">
              <a:latin typeface="Calibri"/>
              <a:cs typeface="Calibri"/>
            </a:endParaRPr>
          </a:p>
          <a:p>
            <a:pPr algn="ctr"/>
            <a:r>
              <a:rPr lang="en-US" sz="2400" dirty="0">
                <a:latin typeface="Calibri"/>
                <a:cs typeface="Calibri"/>
              </a:rPr>
              <a:t>John Loonsk</a:t>
            </a:r>
          </a:p>
          <a:p>
            <a:pPr algn="ctr"/>
            <a:r>
              <a:rPr lang="en-US" sz="2400" dirty="0">
                <a:latin typeface="Calibri"/>
                <a:cs typeface="Calibri"/>
              </a:rPr>
              <a:t>Johns Hopkins University</a:t>
            </a:r>
          </a:p>
        </p:txBody>
      </p:sp>
      <p:pic>
        <p:nvPicPr>
          <p:cNvPr id="7172" name="Picture 6" descr="Logos of the United States Department of Health and Human Services and Centers for Disease Control and Prevention"/>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203200" y="6515102"/>
            <a:ext cx="254000" cy="190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Rectangle 10"/>
          <p:cNvSpPr/>
          <p:nvPr/>
        </p:nvSpPr>
        <p:spPr>
          <a:xfrm>
            <a:off x="703618" y="676003"/>
            <a:ext cx="10784764" cy="2308324"/>
          </a:xfrm>
          <a:prstGeom prst="rect">
            <a:avLst/>
          </a:prstGeom>
        </p:spPr>
        <p:txBody>
          <a:bodyPr wrap="square">
            <a:spAutoFit/>
          </a:bodyPr>
          <a:lstStyle/>
          <a:p>
            <a:pPr algn="ctr" defTabSz="1219140"/>
            <a:r>
              <a:rPr lang="en-US" sz="4800" b="1" dirty="0">
                <a:solidFill>
                  <a:srgbClr val="FFFFFF"/>
                </a:solidFill>
                <a:latin typeface="Calibri" panose="020F0502020204030204" pitchFamily="34" charset="0"/>
                <a:cs typeface="Calibri" panose="020F0502020204030204" pitchFamily="34" charset="0"/>
              </a:rPr>
              <a:t>Making EHR Data More Available for Research and Public Health (MedMorph)</a:t>
            </a:r>
          </a:p>
          <a:p>
            <a:pPr algn="ctr" defTabSz="1219140"/>
            <a:r>
              <a:rPr lang="en-US" sz="4800" b="1" dirty="0">
                <a:solidFill>
                  <a:srgbClr val="FFFFFF"/>
                </a:solidFill>
                <a:latin typeface="Calibri" panose="020F0502020204030204" pitchFamily="34" charset="0"/>
                <a:cs typeface="Calibri" panose="020F0502020204030204" pitchFamily="34" charset="0"/>
              </a:rPr>
              <a:t>Technical Expert Panel (TEP)</a:t>
            </a:r>
            <a:endParaRPr lang="en-US" dirty="0">
              <a:solidFill>
                <a:srgbClr val="FFFFFF"/>
              </a:solidFill>
              <a:latin typeface="Calibri" panose="020F0502020204030204" pitchFamily="34" charset="0"/>
              <a:cs typeface="Calibri" panose="020F0502020204030204" pitchFamily="34" charset="0"/>
            </a:endParaRPr>
          </a:p>
        </p:txBody>
      </p:sp>
      <p:sp>
        <p:nvSpPr>
          <p:cNvPr id="9" name="Subtitle 1"/>
          <p:cNvSpPr txBox="1">
            <a:spLocks/>
          </p:cNvSpPr>
          <p:nvPr/>
        </p:nvSpPr>
        <p:spPr bwMode="auto">
          <a:xfrm>
            <a:off x="0" y="6226630"/>
            <a:ext cx="12192000" cy="5236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lvl1pPr marL="0" indent="0" algn="l" rtl="0" eaLnBrk="0" fontAlgn="base" hangingPunct="0">
              <a:spcBef>
                <a:spcPct val="20000"/>
              </a:spcBef>
              <a:spcAft>
                <a:spcPct val="0"/>
              </a:spcAft>
              <a:buFont typeface="Arial" panose="020B0604020202020204" pitchFamily="34" charset="0"/>
              <a:buNone/>
              <a:defRPr sz="2667" b="1" kern="1200" baseline="0">
                <a:solidFill>
                  <a:schemeClr val="bg2"/>
                </a:solidFill>
                <a:effectLst/>
                <a:latin typeface="Calibri" pitchFamily="34" charset="0"/>
                <a:ea typeface="+mn-ea"/>
                <a:cs typeface="+mn-cs"/>
              </a:defRPr>
            </a:lvl1pPr>
            <a:lvl2pPr marL="609585" indent="0" algn="ctr" rtl="0" eaLnBrk="0" fontAlgn="base" hangingPunct="0">
              <a:spcBef>
                <a:spcPct val="20000"/>
              </a:spcBef>
              <a:spcAft>
                <a:spcPct val="0"/>
              </a:spcAft>
              <a:buFont typeface="Arial" panose="020B0604020202020204" pitchFamily="34" charset="0"/>
              <a:buNone/>
              <a:defRPr sz="3733" kern="1200">
                <a:solidFill>
                  <a:schemeClr val="tx1">
                    <a:tint val="75000"/>
                  </a:schemeClr>
                </a:solidFill>
                <a:latin typeface="Calibri" panose="020F0502020204030204" pitchFamily="34" charset="0"/>
                <a:ea typeface="+mn-ea"/>
                <a:cs typeface="+mn-cs"/>
              </a:defRPr>
            </a:lvl2pPr>
            <a:lvl3pPr marL="1219170" indent="0" algn="ctr" rtl="0" eaLnBrk="0" fontAlgn="base" hangingPunct="0">
              <a:spcBef>
                <a:spcPct val="20000"/>
              </a:spcBef>
              <a:spcAft>
                <a:spcPct val="0"/>
              </a:spcAft>
              <a:buFont typeface="Arial" panose="020B0604020202020204" pitchFamily="34" charset="0"/>
              <a:buNone/>
              <a:defRPr sz="3200" kern="1200">
                <a:solidFill>
                  <a:schemeClr val="tx1">
                    <a:tint val="75000"/>
                  </a:schemeClr>
                </a:solidFill>
                <a:latin typeface="Calibri" panose="020F0502020204030204" pitchFamily="34" charset="0"/>
                <a:ea typeface="+mn-ea"/>
                <a:cs typeface="+mn-cs"/>
              </a:defRPr>
            </a:lvl3pPr>
            <a:lvl4pPr marL="1828754" indent="0" algn="ctr" rtl="0" eaLnBrk="0" fontAlgn="base" hangingPunct="0">
              <a:spcBef>
                <a:spcPct val="20000"/>
              </a:spcBef>
              <a:spcAft>
                <a:spcPct val="0"/>
              </a:spcAft>
              <a:buFont typeface="Arial" panose="020B0604020202020204" pitchFamily="34" charset="0"/>
              <a:buNone/>
              <a:defRPr sz="2667" kern="1200">
                <a:solidFill>
                  <a:schemeClr val="tx1">
                    <a:tint val="75000"/>
                  </a:schemeClr>
                </a:solidFill>
                <a:latin typeface="Calibri" panose="020F0502020204030204" pitchFamily="34" charset="0"/>
                <a:ea typeface="+mn-ea"/>
                <a:cs typeface="+mn-cs"/>
              </a:defRPr>
            </a:lvl4pPr>
            <a:lvl5pPr marL="2438339" indent="0" algn="ctr" rtl="0" eaLnBrk="0" fontAlgn="base" hangingPunct="0">
              <a:spcBef>
                <a:spcPct val="20000"/>
              </a:spcBef>
              <a:spcAft>
                <a:spcPct val="0"/>
              </a:spcAft>
              <a:buFont typeface="Arial" panose="020B0604020202020204" pitchFamily="34" charset="0"/>
              <a:buNone/>
              <a:defRPr sz="2667" kern="1200">
                <a:solidFill>
                  <a:schemeClr val="tx1">
                    <a:tint val="75000"/>
                  </a:schemeClr>
                </a:solidFill>
                <a:latin typeface="Calibri" panose="020F0502020204030204" pitchFamily="34" charset="0"/>
                <a:ea typeface="+mn-ea"/>
                <a:cs typeface="+mn-cs"/>
              </a:defRPr>
            </a:lvl5pPr>
            <a:lvl6pPr marL="3047924" indent="0" algn="ctr" defTabSz="1219170" rtl="0" eaLnBrk="1" latinLnBrk="0" hangingPunct="1">
              <a:spcBef>
                <a:spcPct val="20000"/>
              </a:spcBef>
              <a:buFont typeface="Arial" pitchFamily="34" charset="0"/>
              <a:buNone/>
              <a:defRPr sz="2667" kern="1200">
                <a:solidFill>
                  <a:schemeClr val="tx1">
                    <a:tint val="75000"/>
                  </a:schemeClr>
                </a:solidFill>
                <a:latin typeface="+mn-lt"/>
                <a:ea typeface="+mn-ea"/>
                <a:cs typeface="+mn-cs"/>
              </a:defRPr>
            </a:lvl6pPr>
            <a:lvl7pPr marL="3657509" indent="0" algn="ctr" defTabSz="1219170" rtl="0" eaLnBrk="1" latinLnBrk="0" hangingPunct="1">
              <a:spcBef>
                <a:spcPct val="20000"/>
              </a:spcBef>
              <a:buFont typeface="Arial" pitchFamily="34" charset="0"/>
              <a:buNone/>
              <a:defRPr sz="2667" kern="1200">
                <a:solidFill>
                  <a:schemeClr val="tx1">
                    <a:tint val="75000"/>
                  </a:schemeClr>
                </a:solidFill>
                <a:latin typeface="+mn-lt"/>
                <a:ea typeface="+mn-ea"/>
                <a:cs typeface="+mn-cs"/>
              </a:defRPr>
            </a:lvl7pPr>
            <a:lvl8pPr marL="4267093" indent="0" algn="ctr" defTabSz="1219170" rtl="0" eaLnBrk="1" latinLnBrk="0" hangingPunct="1">
              <a:spcBef>
                <a:spcPct val="20000"/>
              </a:spcBef>
              <a:buFont typeface="Arial" pitchFamily="34" charset="0"/>
              <a:buNone/>
              <a:defRPr sz="2667" kern="1200">
                <a:solidFill>
                  <a:schemeClr val="tx1">
                    <a:tint val="75000"/>
                  </a:schemeClr>
                </a:solidFill>
                <a:latin typeface="+mn-lt"/>
                <a:ea typeface="+mn-ea"/>
                <a:cs typeface="+mn-cs"/>
              </a:defRPr>
            </a:lvl8pPr>
            <a:lvl9pPr marL="4876678" indent="0" algn="ctr" defTabSz="1219170" rtl="0" eaLnBrk="1" latinLnBrk="0" hangingPunct="1">
              <a:spcBef>
                <a:spcPct val="20000"/>
              </a:spcBef>
              <a:buFont typeface="Arial" pitchFamily="34" charset="0"/>
              <a:buNone/>
              <a:defRPr sz="2667" kern="1200">
                <a:solidFill>
                  <a:schemeClr val="tx1">
                    <a:tint val="75000"/>
                  </a:schemeClr>
                </a:solidFill>
                <a:latin typeface="+mn-lt"/>
                <a:ea typeface="+mn-ea"/>
                <a:cs typeface="+mn-cs"/>
              </a:defRPr>
            </a:lvl9pPr>
          </a:lstStyle>
          <a:p>
            <a:pPr algn="ctr" defTabSz="914377">
              <a:spcBef>
                <a:spcPts val="0"/>
              </a:spcBef>
            </a:pPr>
            <a:endParaRPr lang="en-US" sz="2000" dirty="0">
              <a:solidFill>
                <a:srgbClr val="FFFFFF"/>
              </a:solidFill>
            </a:endParaRPr>
          </a:p>
        </p:txBody>
      </p:sp>
    </p:spTree>
    <p:extLst>
      <p:ext uri="{BB962C8B-B14F-4D97-AF65-F5344CB8AC3E}">
        <p14:creationId xmlns:p14="http://schemas.microsoft.com/office/powerpoint/2010/main" val="333041008"/>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DD1D15-A823-4F4F-988B-87E2941B4D20}"/>
              </a:ext>
            </a:extLst>
          </p:cNvPr>
          <p:cNvSpPr>
            <a:spLocks noGrp="1"/>
          </p:cNvSpPr>
          <p:nvPr>
            <p:ph type="title"/>
          </p:nvPr>
        </p:nvSpPr>
        <p:spPr/>
        <p:txBody>
          <a:bodyPr>
            <a:normAutofit fontScale="90000"/>
          </a:bodyPr>
          <a:lstStyle/>
          <a:p>
            <a:r>
              <a:rPr lang="en-US" dirty="0"/>
              <a:t>Care coordination &amp; research challenges are exacerbated in people with multiple chronic conditions</a:t>
            </a:r>
          </a:p>
        </p:txBody>
      </p:sp>
      <p:sp>
        <p:nvSpPr>
          <p:cNvPr id="3" name="Content Placeholder 2">
            <a:extLst>
              <a:ext uri="{FF2B5EF4-FFF2-40B4-BE49-F238E27FC236}">
                <a16:creationId xmlns:a16="http://schemas.microsoft.com/office/drawing/2014/main" id="{E1D43774-BEF5-084E-9D82-818CFAEAB832}"/>
              </a:ext>
            </a:extLst>
          </p:cNvPr>
          <p:cNvSpPr>
            <a:spLocks noGrp="1"/>
          </p:cNvSpPr>
          <p:nvPr>
            <p:ph idx="1"/>
          </p:nvPr>
        </p:nvSpPr>
        <p:spPr/>
        <p:txBody>
          <a:bodyPr>
            <a:normAutofit/>
          </a:bodyPr>
          <a:lstStyle/>
          <a:p>
            <a:r>
              <a:rPr lang="en-US" dirty="0"/>
              <a:t>MCC are common and burdensome</a:t>
            </a:r>
          </a:p>
          <a:p>
            <a:endParaRPr lang="en-US" dirty="0"/>
          </a:p>
          <a:p>
            <a:r>
              <a:rPr lang="en-US" dirty="0"/>
              <a:t>Require coordination across a large care team for optimal outcomes</a:t>
            </a:r>
          </a:p>
          <a:p>
            <a:endParaRPr lang="en-US" dirty="0"/>
          </a:p>
          <a:p>
            <a:r>
              <a:rPr lang="en-US" dirty="0"/>
              <a:t>Complex mix of medical, social, cognitive and functional issues</a:t>
            </a:r>
          </a:p>
          <a:p>
            <a:pPr marL="0" indent="0">
              <a:buNone/>
            </a:pPr>
            <a:endParaRPr lang="en-US" dirty="0"/>
          </a:p>
          <a:p>
            <a:r>
              <a:rPr lang="en-US" dirty="0"/>
              <a:t>Often excluded from randomized controlled trials</a:t>
            </a:r>
          </a:p>
          <a:p>
            <a:pPr lvl="1">
              <a:buFont typeface="Wingdings" pitchFamily="2" charset="2"/>
              <a:buChar char="§"/>
            </a:pPr>
            <a:r>
              <a:rPr lang="en-US" dirty="0"/>
              <a:t>Limited evidence base for effective management</a:t>
            </a:r>
          </a:p>
        </p:txBody>
      </p:sp>
    </p:spTree>
    <p:extLst>
      <p:ext uri="{BB962C8B-B14F-4D97-AF65-F5344CB8AC3E}">
        <p14:creationId xmlns:p14="http://schemas.microsoft.com/office/powerpoint/2010/main" val="140860792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Figure 15: Co-morbidity among Chronic Conditions for Medicare Fee-For-Service Beneficiaries: 2017&#10;Figure showing the Figure 15: Co-morbidity among Chronic Conditions for Medicare Fee-For-Service Beneficiaries : 2017. The data table is available from the Medicare Chronic Conditions website http://www.cms.gov/Research-Statistics-Data-and-Systems/Statistics-Trends-and-Reports/Chronic-Conditions/Maps_Charts.html and is located in the download zipped file titled “Chronic Conditions Charts: 2017”.&#10;" title="Figure 15: Co-morbidity among Chronic Conditions for Medicare Fee-For-Service Beneficiaries : 2017"/>
          <p:cNvPicPr>
            <a:picLocks noChangeAspect="1"/>
          </p:cNvPicPr>
          <p:nvPr/>
        </p:nvPicPr>
        <p:blipFill rotWithShape="1">
          <a:blip r:embed="rId3"/>
          <a:srcRect t="11335"/>
          <a:stretch/>
        </p:blipFill>
        <p:spPr>
          <a:xfrm>
            <a:off x="2824698" y="1192698"/>
            <a:ext cx="8817364" cy="5675242"/>
          </a:xfrm>
          <a:prstGeom prst="rect">
            <a:avLst/>
          </a:prstGeom>
        </p:spPr>
      </p:pic>
      <p:sp>
        <p:nvSpPr>
          <p:cNvPr id="2" name="Title 1">
            <a:extLst>
              <a:ext uri="{FF2B5EF4-FFF2-40B4-BE49-F238E27FC236}">
                <a16:creationId xmlns:a16="http://schemas.microsoft.com/office/drawing/2014/main" id="{51968D65-088B-4F44-8B64-EBBC8BC72D8B}"/>
              </a:ext>
            </a:extLst>
          </p:cNvPr>
          <p:cNvSpPr>
            <a:spLocks noGrp="1"/>
          </p:cNvSpPr>
          <p:nvPr>
            <p:ph type="title" idx="4294967295"/>
          </p:nvPr>
        </p:nvSpPr>
        <p:spPr>
          <a:xfrm>
            <a:off x="0" y="182563"/>
            <a:ext cx="10972800" cy="914400"/>
          </a:xfrm>
        </p:spPr>
        <p:txBody>
          <a:bodyPr>
            <a:normAutofit fontScale="90000"/>
          </a:bodyPr>
          <a:lstStyle/>
          <a:p>
            <a:r>
              <a:rPr lang="en-US" dirty="0"/>
              <a:t>Comorbidity in Fee-for-Service Medicare Beneficiaries </a:t>
            </a:r>
            <a:br>
              <a:rPr lang="en-US" dirty="0"/>
            </a:br>
            <a:r>
              <a:rPr lang="en-US" dirty="0"/>
              <a:t>by Chronic Condition (2017)</a:t>
            </a:r>
          </a:p>
        </p:txBody>
      </p:sp>
    </p:spTree>
    <p:extLst>
      <p:ext uri="{BB962C8B-B14F-4D97-AF65-F5344CB8AC3E}">
        <p14:creationId xmlns:p14="http://schemas.microsoft.com/office/powerpoint/2010/main" val="115144359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4CF71161-0D32-6742-A1E2-16E0EA6F1BFA}"/>
              </a:ext>
            </a:extLst>
          </p:cNvPr>
          <p:cNvSpPr/>
          <p:nvPr/>
        </p:nvSpPr>
        <p:spPr>
          <a:xfrm>
            <a:off x="8592207" y="5343384"/>
            <a:ext cx="3599793" cy="148195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a:ea typeface="+mn-ea"/>
              <a:cs typeface="+mn-cs"/>
            </a:endParaRPr>
          </a:p>
        </p:txBody>
      </p:sp>
      <p:pic>
        <p:nvPicPr>
          <p:cNvPr id="3" name="Picture 2" descr="Figure showing the Figure 14: Distribution of Medicare Fee-For-Service Beneficiaries and  30-Day Medicare Hospital Readmissions  by Number of Chronic Conditions: 2017. The data table is available from the Medicare Chronic Conditions website http://www.cms.gov/Research-Statistics-Data-and-Systems/Statistics-Trends-and-Reports/Chronic-Conditions/Maps_Charts.html and is located in the download zipped file titled “Chronic Conditions Charts: 2017”." title="Figure 14: Distribution of Medicare Fee-For-Service Beneficiaries and  30-Day Medicare Hospital Readmissions  by Number of Chronic Conditions: 2017"/>
          <p:cNvPicPr>
            <a:picLocks noChangeAspect="1"/>
          </p:cNvPicPr>
          <p:nvPr/>
        </p:nvPicPr>
        <p:blipFill rotWithShape="1">
          <a:blip r:embed="rId2"/>
          <a:srcRect l="5177" t="11905" r="6329" b="4762"/>
          <a:stretch/>
        </p:blipFill>
        <p:spPr>
          <a:xfrm>
            <a:off x="2098757" y="1188720"/>
            <a:ext cx="8293346" cy="5669280"/>
          </a:xfrm>
          <a:prstGeom prst="rect">
            <a:avLst/>
          </a:prstGeom>
        </p:spPr>
      </p:pic>
      <p:sp>
        <p:nvSpPr>
          <p:cNvPr id="2" name="Title 1">
            <a:extLst>
              <a:ext uri="{FF2B5EF4-FFF2-40B4-BE49-F238E27FC236}">
                <a16:creationId xmlns:a16="http://schemas.microsoft.com/office/drawing/2014/main" id="{18D21C3F-7447-D742-B57F-0A2FD7BF4F3B}"/>
              </a:ext>
            </a:extLst>
          </p:cNvPr>
          <p:cNvSpPr>
            <a:spLocks noGrp="1"/>
          </p:cNvSpPr>
          <p:nvPr>
            <p:ph type="title"/>
          </p:nvPr>
        </p:nvSpPr>
        <p:spPr/>
        <p:txBody>
          <a:bodyPr>
            <a:normAutofit fontScale="90000"/>
          </a:bodyPr>
          <a:lstStyle/>
          <a:p>
            <a:r>
              <a:rPr lang="en-US" dirty="0"/>
              <a:t>Hospital Readmissions by Number of Comorbidities among Medicare Beneficiaries (2017)</a:t>
            </a:r>
          </a:p>
        </p:txBody>
      </p:sp>
    </p:spTree>
    <p:extLst>
      <p:ext uri="{BB962C8B-B14F-4D97-AF65-F5344CB8AC3E}">
        <p14:creationId xmlns:p14="http://schemas.microsoft.com/office/powerpoint/2010/main" val="17197119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8276DB82-D7D4-A241-80B6-FC937508C2A0}"/>
              </a:ext>
            </a:extLst>
          </p:cNvPr>
          <p:cNvSpPr/>
          <p:nvPr/>
        </p:nvSpPr>
        <p:spPr>
          <a:xfrm>
            <a:off x="8095480" y="5328850"/>
            <a:ext cx="4096520" cy="152915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p:nvPr>
        </p:nvSpPr>
        <p:spPr/>
        <p:txBody>
          <a:bodyPr>
            <a:normAutofit fontScale="90000"/>
          </a:bodyPr>
          <a:lstStyle/>
          <a:p>
            <a:r>
              <a:rPr lang="en-US" sz="3200" dirty="0"/>
              <a:t>The e-care plan uses data standards to enable access to/sharing of comprehensive, person-centered information</a:t>
            </a:r>
          </a:p>
        </p:txBody>
      </p:sp>
      <p:grpSp>
        <p:nvGrpSpPr>
          <p:cNvPr id="17" name="Group 16">
            <a:extLst>
              <a:ext uri="{FF2B5EF4-FFF2-40B4-BE49-F238E27FC236}">
                <a16:creationId xmlns:a16="http://schemas.microsoft.com/office/drawing/2014/main" id="{8F6C35A5-846D-854E-A8CB-D0EA14782994}"/>
              </a:ext>
            </a:extLst>
          </p:cNvPr>
          <p:cNvGrpSpPr/>
          <p:nvPr/>
        </p:nvGrpSpPr>
        <p:grpSpPr>
          <a:xfrm>
            <a:off x="393333" y="1965213"/>
            <a:ext cx="5721099" cy="4250950"/>
            <a:chOff x="3122654" y="1640705"/>
            <a:chExt cx="5721099" cy="4250950"/>
          </a:xfrm>
        </p:grpSpPr>
        <p:grpSp>
          <p:nvGrpSpPr>
            <p:cNvPr id="40" name="Group 39">
              <a:extLst>
                <a:ext uri="{FF2B5EF4-FFF2-40B4-BE49-F238E27FC236}">
                  <a16:creationId xmlns:a16="http://schemas.microsoft.com/office/drawing/2014/main" id="{10593775-851F-AD4D-A3EE-FE6A082C9E69}"/>
                </a:ext>
              </a:extLst>
            </p:cNvPr>
            <p:cNvGrpSpPr>
              <a:grpSpLocks noChangeAspect="1"/>
            </p:cNvGrpSpPr>
            <p:nvPr/>
          </p:nvGrpSpPr>
          <p:grpSpPr>
            <a:xfrm>
              <a:off x="4038499" y="1709523"/>
              <a:ext cx="4805254" cy="4007715"/>
              <a:chOff x="1494303" y="1254387"/>
              <a:chExt cx="6083587" cy="5073884"/>
            </a:xfrm>
          </p:grpSpPr>
          <p:grpSp>
            <p:nvGrpSpPr>
              <p:cNvPr id="42" name="Group 41">
                <a:extLst>
                  <a:ext uri="{FF2B5EF4-FFF2-40B4-BE49-F238E27FC236}">
                    <a16:creationId xmlns:a16="http://schemas.microsoft.com/office/drawing/2014/main" id="{D40A3658-6D47-3F44-9E6C-FBD54AC9DCA2}"/>
                  </a:ext>
                </a:extLst>
              </p:cNvPr>
              <p:cNvGrpSpPr/>
              <p:nvPr/>
            </p:nvGrpSpPr>
            <p:grpSpPr>
              <a:xfrm>
                <a:off x="1494303" y="1254387"/>
                <a:ext cx="6083587" cy="5073884"/>
                <a:chOff x="-1345776" y="786729"/>
                <a:chExt cx="6083587" cy="5073884"/>
              </a:xfrm>
            </p:grpSpPr>
            <p:pic>
              <p:nvPicPr>
                <p:cNvPr id="52" name="Picture 51" descr="C:\Users\draw0003\AppData\Local\Microsoft\Windows\Temporary Internet Files\Content.IE5\WTZTIC9A\data_protection-280x300[1].jpg">
                  <a:extLst>
                    <a:ext uri="{FF2B5EF4-FFF2-40B4-BE49-F238E27FC236}">
                      <a16:creationId xmlns:a16="http://schemas.microsoft.com/office/drawing/2014/main" id="{3A898F42-A987-284C-B7E8-D5926A7F62DC}"/>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881349" y="786729"/>
                  <a:ext cx="1133475" cy="1214439"/>
                </a:xfrm>
                <a:prstGeom prst="rect">
                  <a:avLst/>
                </a:prstGeom>
                <a:noFill/>
                <a:extLst>
                  <a:ext uri="{909E8E84-426E-40dd-AFC4-6F175D3DCCD1}">
                    <a14:hiddenFill xmlns="" xmlns:a14="http://schemas.microsoft.com/office/drawing/2010/main">
                      <a:solidFill>
                        <a:srgbClr val="FFFFFF"/>
                      </a:solidFill>
                    </a14:hiddenFill>
                  </a:ext>
                </a:extLst>
              </p:spPr>
            </p:pic>
            <p:cxnSp>
              <p:nvCxnSpPr>
                <p:cNvPr id="53" name="Straight Connector 52">
                  <a:extLst>
                    <a:ext uri="{FF2B5EF4-FFF2-40B4-BE49-F238E27FC236}">
                      <a16:creationId xmlns:a16="http://schemas.microsoft.com/office/drawing/2014/main" id="{7435C89C-3229-944E-8D5B-54039896DD3D}"/>
                    </a:ext>
                  </a:extLst>
                </p:cNvPr>
                <p:cNvCxnSpPr/>
                <p:nvPr/>
              </p:nvCxnSpPr>
              <p:spPr>
                <a:xfrm flipH="1">
                  <a:off x="1788342" y="1380275"/>
                  <a:ext cx="518377" cy="0"/>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54" name="Straight Connector 53">
                  <a:extLst>
                    <a:ext uri="{FF2B5EF4-FFF2-40B4-BE49-F238E27FC236}">
                      <a16:creationId xmlns:a16="http://schemas.microsoft.com/office/drawing/2014/main" id="{947C6B19-0F62-CC4D-8C85-81FC044DF208}"/>
                    </a:ext>
                  </a:extLst>
                </p:cNvPr>
                <p:cNvCxnSpPr>
                  <a:cxnSpLocks/>
                </p:cNvCxnSpPr>
                <p:nvPr/>
              </p:nvCxnSpPr>
              <p:spPr>
                <a:xfrm flipV="1">
                  <a:off x="-1345775" y="1307033"/>
                  <a:ext cx="2215564" cy="1501269"/>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55" name="Straight Connector 54">
                  <a:extLst>
                    <a:ext uri="{FF2B5EF4-FFF2-40B4-BE49-F238E27FC236}">
                      <a16:creationId xmlns:a16="http://schemas.microsoft.com/office/drawing/2014/main" id="{56158D33-A0E0-B74B-80B1-3371CB014D05}"/>
                    </a:ext>
                  </a:extLst>
                </p:cNvPr>
                <p:cNvCxnSpPr>
                  <a:cxnSpLocks/>
                </p:cNvCxnSpPr>
                <p:nvPr/>
              </p:nvCxnSpPr>
              <p:spPr>
                <a:xfrm flipV="1">
                  <a:off x="-1128310" y="2219941"/>
                  <a:ext cx="3677899" cy="958221"/>
                </a:xfrm>
                <a:prstGeom prst="line">
                  <a:avLst/>
                </a:prstGeom>
                <a:ln w="57150" cmpd="sng">
                  <a:solidFill>
                    <a:schemeClr val="accent2"/>
                  </a:solidFill>
                  <a:prstDash val="dash"/>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62" name="Straight Connector 61">
                  <a:extLst>
                    <a:ext uri="{FF2B5EF4-FFF2-40B4-BE49-F238E27FC236}">
                      <a16:creationId xmlns:a16="http://schemas.microsoft.com/office/drawing/2014/main" id="{B8AB2C68-9A98-044D-AD8D-6C76601B9DF4}"/>
                    </a:ext>
                  </a:extLst>
                </p:cNvPr>
                <p:cNvCxnSpPr>
                  <a:cxnSpLocks/>
                </p:cNvCxnSpPr>
                <p:nvPr/>
              </p:nvCxnSpPr>
              <p:spPr>
                <a:xfrm>
                  <a:off x="-1345776" y="4518944"/>
                  <a:ext cx="2693086" cy="909839"/>
                </a:xfrm>
                <a:prstGeom prst="line">
                  <a:avLst/>
                </a:prstGeom>
                <a:ln w="57150" cmpd="sng">
                  <a:solidFill>
                    <a:schemeClr val="accent2"/>
                  </a:solidFill>
                  <a:prstDash val="dash"/>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66" name="Straight Connector 65">
                  <a:extLst>
                    <a:ext uri="{FF2B5EF4-FFF2-40B4-BE49-F238E27FC236}">
                      <a16:creationId xmlns:a16="http://schemas.microsoft.com/office/drawing/2014/main" id="{1A778826-1F9C-BF48-8B62-A5E5804FB1C4}"/>
                    </a:ext>
                  </a:extLst>
                </p:cNvPr>
                <p:cNvCxnSpPr>
                  <a:cxnSpLocks/>
                </p:cNvCxnSpPr>
                <p:nvPr/>
              </p:nvCxnSpPr>
              <p:spPr>
                <a:xfrm flipV="1">
                  <a:off x="-1007901" y="3385161"/>
                  <a:ext cx="4533328" cy="301631"/>
                </a:xfrm>
                <a:prstGeom prst="line">
                  <a:avLst/>
                </a:prstGeom>
                <a:ln w="57150" cmpd="sng">
                  <a:solidFill>
                    <a:schemeClr val="accent2"/>
                  </a:solidFill>
                  <a:prstDash val="dash"/>
                  <a:headEnd type="triangle" w="lg" len="sm"/>
                  <a:tailEnd type="triangle" w="lg" len="sm"/>
                </a:ln>
              </p:spPr>
              <p:style>
                <a:lnRef idx="2">
                  <a:schemeClr val="accent1"/>
                </a:lnRef>
                <a:fillRef idx="0">
                  <a:schemeClr val="accent1"/>
                </a:fillRef>
                <a:effectRef idx="1">
                  <a:schemeClr val="accent1"/>
                </a:effectRef>
                <a:fontRef idx="minor">
                  <a:schemeClr val="tx1"/>
                </a:fontRef>
              </p:style>
            </p:cxnSp>
            <p:pic>
              <p:nvPicPr>
                <p:cNvPr id="67" name="Picture 66" descr="C:\Users\draw0003\AppData\Local\Microsoft\Windows\Temporary Internet Files\Content.IE5\WTZTIC9A\data_protection-280x300[1].jpg">
                  <a:extLst>
                    <a:ext uri="{FF2B5EF4-FFF2-40B4-BE49-F238E27FC236}">
                      <a16:creationId xmlns:a16="http://schemas.microsoft.com/office/drawing/2014/main" id="{B01DDF5C-78DA-8E46-8EC8-11F8DE751D4E}"/>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3604337" y="4646176"/>
                  <a:ext cx="1133474" cy="1214437"/>
                </a:xfrm>
                <a:prstGeom prst="rect">
                  <a:avLst/>
                </a:prstGeom>
                <a:noFill/>
                <a:extLst>
                  <a:ext uri="{909E8E84-426E-40dd-AFC4-6F175D3DCCD1}">
                    <a14:hiddenFill xmlns="" xmlns:a14="http://schemas.microsoft.com/office/drawing/2010/main">
                      <a:solidFill>
                        <a:srgbClr val="FFFFFF"/>
                      </a:solidFill>
                    </a14:hiddenFill>
                  </a:ext>
                </a:extLst>
              </p:spPr>
            </p:pic>
            <p:cxnSp>
              <p:nvCxnSpPr>
                <p:cNvPr id="68" name="Straight Connector 67">
                  <a:extLst>
                    <a:ext uri="{FF2B5EF4-FFF2-40B4-BE49-F238E27FC236}">
                      <a16:creationId xmlns:a16="http://schemas.microsoft.com/office/drawing/2014/main" id="{D1894258-CE5D-4447-8FA2-F1634865A87D}"/>
                    </a:ext>
                  </a:extLst>
                </p:cNvPr>
                <p:cNvCxnSpPr>
                  <a:cxnSpLocks/>
                </p:cNvCxnSpPr>
                <p:nvPr/>
              </p:nvCxnSpPr>
              <p:spPr>
                <a:xfrm flipH="1">
                  <a:off x="2227170" y="5428782"/>
                  <a:ext cx="1298257" cy="3021"/>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70" name="Straight Connector 69">
                  <a:extLst>
                    <a:ext uri="{FF2B5EF4-FFF2-40B4-BE49-F238E27FC236}">
                      <a16:creationId xmlns:a16="http://schemas.microsoft.com/office/drawing/2014/main" id="{974DBCD0-D44E-7C44-8886-C92262B5B1DA}"/>
                    </a:ext>
                  </a:extLst>
                </p:cNvPr>
                <p:cNvCxnSpPr>
                  <a:cxnSpLocks/>
                </p:cNvCxnSpPr>
                <p:nvPr/>
              </p:nvCxnSpPr>
              <p:spPr>
                <a:xfrm>
                  <a:off x="4171074" y="4095610"/>
                  <a:ext cx="1" cy="429469"/>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71" name="Straight Connector 70">
                  <a:extLst>
                    <a:ext uri="{FF2B5EF4-FFF2-40B4-BE49-F238E27FC236}">
                      <a16:creationId xmlns:a16="http://schemas.microsoft.com/office/drawing/2014/main" id="{6DE7CE3D-D714-404B-9CA3-6AE42866AB8D}"/>
                    </a:ext>
                  </a:extLst>
                </p:cNvPr>
                <p:cNvCxnSpPr>
                  <a:cxnSpLocks/>
                </p:cNvCxnSpPr>
                <p:nvPr/>
              </p:nvCxnSpPr>
              <p:spPr>
                <a:xfrm>
                  <a:off x="-909716" y="4091070"/>
                  <a:ext cx="4529252" cy="855748"/>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grpSp>
          <p:pic>
            <p:nvPicPr>
              <p:cNvPr id="45" name="Picture 44">
                <a:extLst>
                  <a:ext uri="{FF2B5EF4-FFF2-40B4-BE49-F238E27FC236}">
                    <a16:creationId xmlns:a16="http://schemas.microsoft.com/office/drawing/2014/main" id="{E590B1D3-7106-374A-94D4-75A96937613A}"/>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flipH="1">
                <a:off x="6634811" y="2098040"/>
                <a:ext cx="752689" cy="493764"/>
              </a:xfrm>
              <a:prstGeom prst="rect">
                <a:avLst/>
              </a:prstGeom>
            </p:spPr>
          </p:pic>
          <p:cxnSp>
            <p:nvCxnSpPr>
              <p:cNvPr id="46" name="Straight Connector 45">
                <a:extLst>
                  <a:ext uri="{FF2B5EF4-FFF2-40B4-BE49-F238E27FC236}">
                    <a16:creationId xmlns:a16="http://schemas.microsoft.com/office/drawing/2014/main" id="{5FD1EC87-C6F5-0141-B87C-59B59682847B}"/>
                  </a:ext>
                </a:extLst>
              </p:cNvPr>
              <p:cNvCxnSpPr>
                <a:cxnSpLocks/>
              </p:cNvCxnSpPr>
              <p:nvPr/>
            </p:nvCxnSpPr>
            <p:spPr>
              <a:xfrm flipH="1">
                <a:off x="7026814" y="2682952"/>
                <a:ext cx="1" cy="484849"/>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47" name="Straight Connector 46">
                <a:extLst>
                  <a:ext uri="{FF2B5EF4-FFF2-40B4-BE49-F238E27FC236}">
                    <a16:creationId xmlns:a16="http://schemas.microsoft.com/office/drawing/2014/main" id="{42047372-D4A8-854E-AE47-7E59E728439B}"/>
                  </a:ext>
                </a:extLst>
              </p:cNvPr>
              <p:cNvCxnSpPr>
                <a:cxnSpLocks/>
              </p:cNvCxnSpPr>
              <p:nvPr/>
            </p:nvCxnSpPr>
            <p:spPr>
              <a:xfrm>
                <a:off x="6237837" y="1800386"/>
                <a:ext cx="496468" cy="293155"/>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grpSp>
        <p:pic>
          <p:nvPicPr>
            <p:cNvPr id="28" name="Picture 27">
              <a:extLst>
                <a:ext uri="{FF2B5EF4-FFF2-40B4-BE49-F238E27FC236}">
                  <a16:creationId xmlns:a16="http://schemas.microsoft.com/office/drawing/2014/main" id="{56F6F720-FF7A-3446-B085-E56AB7C4A9F1}"/>
                </a:ext>
              </a:extLst>
            </p:cNvPr>
            <p:cNvPicPr>
              <a:picLocks noChangeAspect="1"/>
            </p:cNvPicPr>
            <p:nvPr/>
          </p:nvPicPr>
          <p:blipFill rotWithShape="1">
            <a:blip r:embed="rId5" cstate="email">
              <a:extLst>
                <a:ext uri="{28A0092B-C50C-407E-A947-70E740481C1C}">
                  <a14:useLocalDpi xmlns:a14="http://schemas.microsoft.com/office/drawing/2010/main"/>
                </a:ext>
              </a:extLst>
            </a:blip>
            <a:srcRect l="12323" r="27933"/>
            <a:stretch/>
          </p:blipFill>
          <p:spPr>
            <a:xfrm>
              <a:off x="3122654" y="3334160"/>
              <a:ext cx="915399" cy="1381764"/>
            </a:xfrm>
            <a:prstGeom prst="rect">
              <a:avLst/>
            </a:prstGeom>
          </p:spPr>
        </p:pic>
        <p:pic>
          <p:nvPicPr>
            <p:cNvPr id="29" name="Picture 28">
              <a:extLst>
                <a:ext uri="{FF2B5EF4-FFF2-40B4-BE49-F238E27FC236}">
                  <a16:creationId xmlns:a16="http://schemas.microsoft.com/office/drawing/2014/main" id="{4D99F104-83E5-A745-AC04-BA0FBF247FF0}"/>
                </a:ext>
              </a:extLst>
            </p:cNvPr>
            <p:cNvPicPr>
              <a:picLocks noChangeAspect="1"/>
            </p:cNvPicPr>
            <p:nvPr/>
          </p:nvPicPr>
          <p:blipFill rotWithShape="1">
            <a:blip r:embed="rId6" cstate="email">
              <a:extLst>
                <a:ext uri="{28A0092B-C50C-407E-A947-70E740481C1C}">
                  <a14:useLocalDpi xmlns:a14="http://schemas.microsoft.com/office/drawing/2010/main"/>
                </a:ext>
              </a:extLst>
            </a:blip>
            <a:srcRect l="16709" r="15798" b="23851"/>
            <a:stretch/>
          </p:blipFill>
          <p:spPr>
            <a:xfrm>
              <a:off x="6968184" y="1640705"/>
              <a:ext cx="792252" cy="1037368"/>
            </a:xfrm>
            <a:prstGeom prst="rect">
              <a:avLst/>
            </a:prstGeom>
          </p:spPr>
        </p:pic>
        <p:pic>
          <p:nvPicPr>
            <p:cNvPr id="11" name="Picture 10">
              <a:extLst>
                <a:ext uri="{FF2B5EF4-FFF2-40B4-BE49-F238E27FC236}">
                  <a16:creationId xmlns:a16="http://schemas.microsoft.com/office/drawing/2014/main" id="{FF95647D-6C84-084B-B15D-BE850FD7C384}"/>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8037517" y="3231323"/>
              <a:ext cx="717171" cy="1059820"/>
            </a:xfrm>
            <a:prstGeom prst="rect">
              <a:avLst/>
            </a:prstGeom>
          </p:spPr>
        </p:pic>
        <p:pic>
          <p:nvPicPr>
            <p:cNvPr id="13" name="Picture 12">
              <a:extLst>
                <a:ext uri="{FF2B5EF4-FFF2-40B4-BE49-F238E27FC236}">
                  <a16:creationId xmlns:a16="http://schemas.microsoft.com/office/drawing/2014/main" id="{AD9F3EA4-5B23-C24C-8C10-3E52A7B39281}"/>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182084" y="4932406"/>
              <a:ext cx="662191" cy="959249"/>
            </a:xfrm>
            <a:prstGeom prst="rect">
              <a:avLst/>
            </a:prstGeom>
          </p:spPr>
        </p:pic>
      </p:grpSp>
      <p:sp>
        <p:nvSpPr>
          <p:cNvPr id="19" name="TextBox 18">
            <a:extLst>
              <a:ext uri="{FF2B5EF4-FFF2-40B4-BE49-F238E27FC236}">
                <a16:creationId xmlns:a16="http://schemas.microsoft.com/office/drawing/2014/main" id="{E79BAA6B-9F44-C247-89ED-982B13D0B772}"/>
              </a:ext>
            </a:extLst>
          </p:cNvPr>
          <p:cNvSpPr txBox="1"/>
          <p:nvPr/>
        </p:nvSpPr>
        <p:spPr>
          <a:xfrm>
            <a:off x="1626131" y="1320370"/>
            <a:ext cx="3743389" cy="461665"/>
          </a:xfrm>
          <a:prstGeom prst="rect">
            <a:avLst/>
          </a:prstGeom>
          <a:noFill/>
        </p:spPr>
        <p:txBody>
          <a:bodyPr wrap="square" rtlCol="0">
            <a:spAutoFit/>
          </a:bodyPr>
          <a:lstStyle/>
          <a:p>
            <a:pPr algn="ctr"/>
            <a:r>
              <a:rPr lang="en-US" sz="2400" b="1" u="sng" dirty="0"/>
              <a:t>Status Quo</a:t>
            </a:r>
          </a:p>
        </p:txBody>
      </p:sp>
      <p:sp>
        <p:nvSpPr>
          <p:cNvPr id="20" name="TextBox 19">
            <a:extLst>
              <a:ext uri="{FF2B5EF4-FFF2-40B4-BE49-F238E27FC236}">
                <a16:creationId xmlns:a16="http://schemas.microsoft.com/office/drawing/2014/main" id="{CB6E7FB5-0AB3-1D4B-9864-7BE5284FF624}"/>
              </a:ext>
            </a:extLst>
          </p:cNvPr>
          <p:cNvSpPr txBox="1"/>
          <p:nvPr/>
        </p:nvSpPr>
        <p:spPr>
          <a:xfrm>
            <a:off x="307224" y="5187439"/>
            <a:ext cx="1087615" cy="307777"/>
          </a:xfrm>
          <a:prstGeom prst="rect">
            <a:avLst/>
          </a:prstGeom>
          <a:noFill/>
        </p:spPr>
        <p:txBody>
          <a:bodyPr wrap="square" rtlCol="0">
            <a:spAutoFit/>
          </a:bodyPr>
          <a:lstStyle/>
          <a:p>
            <a:pPr algn="ctr"/>
            <a:r>
              <a:rPr lang="en-US" sz="1400" dirty="0"/>
              <a:t>Patient</a:t>
            </a:r>
          </a:p>
        </p:txBody>
      </p:sp>
      <p:sp>
        <p:nvSpPr>
          <p:cNvPr id="78" name="TextBox 77">
            <a:extLst>
              <a:ext uri="{FF2B5EF4-FFF2-40B4-BE49-F238E27FC236}">
                <a16:creationId xmlns:a16="http://schemas.microsoft.com/office/drawing/2014/main" id="{5AF8A35E-30F6-E54E-B3F0-27E4752A89C1}"/>
              </a:ext>
            </a:extLst>
          </p:cNvPr>
          <p:cNvSpPr txBox="1"/>
          <p:nvPr/>
        </p:nvSpPr>
        <p:spPr>
          <a:xfrm>
            <a:off x="3151248" y="6365788"/>
            <a:ext cx="1087615" cy="307777"/>
          </a:xfrm>
          <a:prstGeom prst="rect">
            <a:avLst/>
          </a:prstGeom>
          <a:noFill/>
        </p:spPr>
        <p:txBody>
          <a:bodyPr wrap="square" rtlCol="0">
            <a:spAutoFit/>
          </a:bodyPr>
          <a:lstStyle/>
          <a:p>
            <a:pPr algn="ctr"/>
            <a:r>
              <a:rPr lang="en-US" sz="1400" dirty="0"/>
              <a:t>Clinician</a:t>
            </a:r>
          </a:p>
        </p:txBody>
      </p:sp>
      <p:sp>
        <p:nvSpPr>
          <p:cNvPr id="79" name="TextBox 78">
            <a:extLst>
              <a:ext uri="{FF2B5EF4-FFF2-40B4-BE49-F238E27FC236}">
                <a16:creationId xmlns:a16="http://schemas.microsoft.com/office/drawing/2014/main" id="{A6FE1099-E34A-C348-8E20-43748D178C77}"/>
              </a:ext>
            </a:extLst>
          </p:cNvPr>
          <p:cNvSpPr txBox="1"/>
          <p:nvPr/>
        </p:nvSpPr>
        <p:spPr>
          <a:xfrm>
            <a:off x="4446332" y="4435228"/>
            <a:ext cx="1087615" cy="307777"/>
          </a:xfrm>
          <a:prstGeom prst="rect">
            <a:avLst/>
          </a:prstGeom>
          <a:noFill/>
        </p:spPr>
        <p:txBody>
          <a:bodyPr wrap="square" rtlCol="0">
            <a:spAutoFit/>
          </a:bodyPr>
          <a:lstStyle/>
          <a:p>
            <a:pPr algn="ctr"/>
            <a:r>
              <a:rPr lang="en-US" sz="1400" dirty="0"/>
              <a:t>Clinician</a:t>
            </a:r>
          </a:p>
        </p:txBody>
      </p:sp>
      <p:sp>
        <p:nvSpPr>
          <p:cNvPr id="80" name="TextBox 79">
            <a:extLst>
              <a:ext uri="{FF2B5EF4-FFF2-40B4-BE49-F238E27FC236}">
                <a16:creationId xmlns:a16="http://schemas.microsoft.com/office/drawing/2014/main" id="{57F46E66-C42B-1C4E-BD20-14CF076628C3}"/>
              </a:ext>
            </a:extLst>
          </p:cNvPr>
          <p:cNvSpPr txBox="1"/>
          <p:nvPr/>
        </p:nvSpPr>
        <p:spPr>
          <a:xfrm>
            <a:off x="4152754" y="1692826"/>
            <a:ext cx="1087615" cy="307777"/>
          </a:xfrm>
          <a:prstGeom prst="rect">
            <a:avLst/>
          </a:prstGeom>
          <a:noFill/>
        </p:spPr>
        <p:txBody>
          <a:bodyPr wrap="square" rtlCol="0">
            <a:spAutoFit/>
          </a:bodyPr>
          <a:lstStyle/>
          <a:p>
            <a:pPr algn="ctr"/>
            <a:r>
              <a:rPr lang="en-US" sz="1400" dirty="0"/>
              <a:t>Clinician</a:t>
            </a:r>
          </a:p>
        </p:txBody>
      </p:sp>
      <p:grpSp>
        <p:nvGrpSpPr>
          <p:cNvPr id="3" name="Group 2">
            <a:extLst>
              <a:ext uri="{FF2B5EF4-FFF2-40B4-BE49-F238E27FC236}">
                <a16:creationId xmlns:a16="http://schemas.microsoft.com/office/drawing/2014/main" id="{7661A83F-0CFB-0E42-A2F0-3F8BF7623B9A}"/>
              </a:ext>
            </a:extLst>
          </p:cNvPr>
          <p:cNvGrpSpPr/>
          <p:nvPr/>
        </p:nvGrpSpPr>
        <p:grpSpPr>
          <a:xfrm>
            <a:off x="7239550" y="1343499"/>
            <a:ext cx="4270630" cy="5481581"/>
            <a:chOff x="7239550" y="1343499"/>
            <a:chExt cx="4270630" cy="5481581"/>
          </a:xfrm>
        </p:grpSpPr>
        <p:grpSp>
          <p:nvGrpSpPr>
            <p:cNvPr id="44" name="Group 43">
              <a:extLst>
                <a:ext uri="{FF2B5EF4-FFF2-40B4-BE49-F238E27FC236}">
                  <a16:creationId xmlns:a16="http://schemas.microsoft.com/office/drawing/2014/main" id="{DF07C509-32FF-5E48-9222-9F38B1F46780}"/>
                </a:ext>
              </a:extLst>
            </p:cNvPr>
            <p:cNvGrpSpPr/>
            <p:nvPr/>
          </p:nvGrpSpPr>
          <p:grpSpPr>
            <a:xfrm>
              <a:off x="7325659" y="1900588"/>
              <a:ext cx="3999300" cy="4609990"/>
              <a:chOff x="3507854" y="1669108"/>
              <a:chExt cx="3999300" cy="4609990"/>
            </a:xfrm>
          </p:grpSpPr>
          <p:grpSp>
            <p:nvGrpSpPr>
              <p:cNvPr id="48" name="Group 47">
                <a:extLst>
                  <a:ext uri="{FF2B5EF4-FFF2-40B4-BE49-F238E27FC236}">
                    <a16:creationId xmlns:a16="http://schemas.microsoft.com/office/drawing/2014/main" id="{06B5F167-A338-F544-B389-86421335A840}"/>
                  </a:ext>
                </a:extLst>
              </p:cNvPr>
              <p:cNvGrpSpPr/>
              <p:nvPr/>
            </p:nvGrpSpPr>
            <p:grpSpPr>
              <a:xfrm>
                <a:off x="4543012" y="2926060"/>
                <a:ext cx="2163071" cy="2188364"/>
                <a:chOff x="3427686" y="2045887"/>
                <a:chExt cx="2163070" cy="2188364"/>
              </a:xfrm>
            </p:grpSpPr>
            <p:grpSp>
              <p:nvGrpSpPr>
                <p:cNvPr id="59" name="Group 58">
                  <a:extLst>
                    <a:ext uri="{FF2B5EF4-FFF2-40B4-BE49-F238E27FC236}">
                      <a16:creationId xmlns:a16="http://schemas.microsoft.com/office/drawing/2014/main" id="{685FD981-2524-6440-8BF1-DEC6E271EDCD}"/>
                    </a:ext>
                  </a:extLst>
                </p:cNvPr>
                <p:cNvGrpSpPr/>
                <p:nvPr/>
              </p:nvGrpSpPr>
              <p:grpSpPr>
                <a:xfrm>
                  <a:off x="3998876" y="2565733"/>
                  <a:ext cx="1109363" cy="1181258"/>
                  <a:chOff x="6516385" y="2541763"/>
                  <a:chExt cx="1109363" cy="1181258"/>
                </a:xfrm>
              </p:grpSpPr>
              <p:sp>
                <p:nvSpPr>
                  <p:cNvPr id="74" name="Rectangle 73">
                    <a:extLst>
                      <a:ext uri="{FF2B5EF4-FFF2-40B4-BE49-F238E27FC236}">
                        <a16:creationId xmlns:a16="http://schemas.microsoft.com/office/drawing/2014/main" id="{1AD5512C-49BC-E547-BC7C-BEE2A4AFA4F9}"/>
                      </a:ext>
                    </a:extLst>
                  </p:cNvPr>
                  <p:cNvSpPr/>
                  <p:nvPr/>
                </p:nvSpPr>
                <p:spPr>
                  <a:xfrm>
                    <a:off x="6614342" y="2541763"/>
                    <a:ext cx="891647" cy="1181258"/>
                  </a:xfrm>
                  <a:prstGeom prst="rect">
                    <a:avLst/>
                  </a:prstGeom>
                  <a:solidFill>
                    <a:schemeClr val="bg1"/>
                  </a:solidFill>
                  <a:ln>
                    <a:solidFill>
                      <a:schemeClr val="accent1">
                        <a:lumMod val="40000"/>
                        <a:lumOff val="60000"/>
                      </a:schemeClr>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400" dirty="0">
                      <a:solidFill>
                        <a:schemeClr val="accent1">
                          <a:lumMod val="40000"/>
                          <a:lumOff val="60000"/>
                        </a:schemeClr>
                      </a:solidFill>
                    </a:endParaRPr>
                  </a:p>
                </p:txBody>
              </p:sp>
              <p:sp>
                <p:nvSpPr>
                  <p:cNvPr id="75" name="TextBox 74">
                    <a:extLst>
                      <a:ext uri="{FF2B5EF4-FFF2-40B4-BE49-F238E27FC236}">
                        <a16:creationId xmlns:a16="http://schemas.microsoft.com/office/drawing/2014/main" id="{DD7B7E94-7FD3-4542-996E-323597A5B39E}"/>
                      </a:ext>
                    </a:extLst>
                  </p:cNvPr>
                  <p:cNvSpPr txBox="1"/>
                  <p:nvPr/>
                </p:nvSpPr>
                <p:spPr>
                  <a:xfrm>
                    <a:off x="6516385" y="2806510"/>
                    <a:ext cx="1109363" cy="666977"/>
                  </a:xfrm>
                  <a:prstGeom prst="rect">
                    <a:avLst/>
                  </a:prstGeom>
                  <a:noFill/>
                </p:spPr>
                <p:txBody>
                  <a:bodyPr wrap="square" rtlCol="0">
                    <a:spAutoFit/>
                  </a:bodyPr>
                  <a:lstStyle/>
                  <a:p>
                    <a:pPr algn="ctr"/>
                    <a:r>
                      <a:rPr lang="en-US" sz="1867" b="1" dirty="0">
                        <a:solidFill>
                          <a:schemeClr val="tx2">
                            <a:lumMod val="75000"/>
                          </a:schemeClr>
                        </a:solidFill>
                      </a:rPr>
                      <a:t>Patient Data</a:t>
                    </a:r>
                  </a:p>
                </p:txBody>
              </p:sp>
            </p:grpSp>
            <p:cxnSp>
              <p:nvCxnSpPr>
                <p:cNvPr id="60" name="Straight Connector 59">
                  <a:extLst>
                    <a:ext uri="{FF2B5EF4-FFF2-40B4-BE49-F238E27FC236}">
                      <a16:creationId xmlns:a16="http://schemas.microsoft.com/office/drawing/2014/main" id="{8DE892EA-0F07-2C4F-92F8-626E46EF4A15}"/>
                    </a:ext>
                  </a:extLst>
                </p:cNvPr>
                <p:cNvCxnSpPr/>
                <p:nvPr/>
              </p:nvCxnSpPr>
              <p:spPr>
                <a:xfrm flipH="1">
                  <a:off x="5072380" y="3129101"/>
                  <a:ext cx="518376" cy="0"/>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grpSp>
              <p:nvGrpSpPr>
                <p:cNvPr id="63" name="Group 62">
                  <a:extLst>
                    <a:ext uri="{FF2B5EF4-FFF2-40B4-BE49-F238E27FC236}">
                      <a16:creationId xmlns:a16="http://schemas.microsoft.com/office/drawing/2014/main" id="{B96318BC-8905-B64B-A068-561649915CEE}"/>
                    </a:ext>
                  </a:extLst>
                </p:cNvPr>
                <p:cNvGrpSpPr/>
                <p:nvPr/>
              </p:nvGrpSpPr>
              <p:grpSpPr>
                <a:xfrm>
                  <a:off x="4526547" y="2045887"/>
                  <a:ext cx="45453" cy="2188364"/>
                  <a:chOff x="3097828" y="2040456"/>
                  <a:chExt cx="45453" cy="2188364"/>
                </a:xfrm>
              </p:grpSpPr>
              <p:cxnSp>
                <p:nvCxnSpPr>
                  <p:cNvPr id="72" name="Straight Connector 71">
                    <a:extLst>
                      <a:ext uri="{FF2B5EF4-FFF2-40B4-BE49-F238E27FC236}">
                        <a16:creationId xmlns:a16="http://schemas.microsoft.com/office/drawing/2014/main" id="{82A7109F-3E7B-C841-B7B9-52981C8D7E52}"/>
                      </a:ext>
                    </a:extLst>
                  </p:cNvPr>
                  <p:cNvCxnSpPr/>
                  <p:nvPr/>
                </p:nvCxnSpPr>
                <p:spPr>
                  <a:xfrm flipV="1">
                    <a:off x="3097828" y="2040456"/>
                    <a:ext cx="0" cy="417123"/>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73" name="Straight Connector 72">
                    <a:extLst>
                      <a:ext uri="{FF2B5EF4-FFF2-40B4-BE49-F238E27FC236}">
                        <a16:creationId xmlns:a16="http://schemas.microsoft.com/office/drawing/2014/main" id="{30B4E9A3-668E-5E4E-9955-0520D84603A2}"/>
                      </a:ext>
                    </a:extLst>
                  </p:cNvPr>
                  <p:cNvCxnSpPr>
                    <a:cxnSpLocks/>
                  </p:cNvCxnSpPr>
                  <p:nvPr/>
                </p:nvCxnSpPr>
                <p:spPr>
                  <a:xfrm flipV="1">
                    <a:off x="3143281" y="3811697"/>
                    <a:ext cx="0" cy="417123"/>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grpSp>
            <p:cxnSp>
              <p:nvCxnSpPr>
                <p:cNvPr id="64" name="Straight Connector 63">
                  <a:extLst>
                    <a:ext uri="{FF2B5EF4-FFF2-40B4-BE49-F238E27FC236}">
                      <a16:creationId xmlns:a16="http://schemas.microsoft.com/office/drawing/2014/main" id="{CB6498EC-8A9C-2C46-BB8D-14E405B4F492}"/>
                    </a:ext>
                  </a:extLst>
                </p:cNvPr>
                <p:cNvCxnSpPr/>
                <p:nvPr/>
              </p:nvCxnSpPr>
              <p:spPr>
                <a:xfrm flipH="1">
                  <a:off x="3427686" y="3129100"/>
                  <a:ext cx="518376" cy="0"/>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grpSp>
          <p:pic>
            <p:nvPicPr>
              <p:cNvPr id="49" name="Picture 48">
                <a:extLst>
                  <a:ext uri="{FF2B5EF4-FFF2-40B4-BE49-F238E27FC236}">
                    <a16:creationId xmlns:a16="http://schemas.microsoft.com/office/drawing/2014/main" id="{9B7C5236-87C9-4048-A99D-134925A96780}"/>
                  </a:ext>
                </a:extLst>
              </p:cNvPr>
              <p:cNvPicPr>
                <a:picLocks noChangeAspect="1"/>
              </p:cNvPicPr>
              <p:nvPr/>
            </p:nvPicPr>
            <p:blipFill rotWithShape="1">
              <a:blip r:embed="rId5" cstate="email">
                <a:extLst>
                  <a:ext uri="{28A0092B-C50C-407E-A947-70E740481C1C}">
                    <a14:useLocalDpi xmlns:a14="http://schemas.microsoft.com/office/drawing/2010/main"/>
                  </a:ext>
                </a:extLst>
              </a:blip>
              <a:srcRect l="12323" r="27933"/>
              <a:stretch/>
            </p:blipFill>
            <p:spPr>
              <a:xfrm>
                <a:off x="3507854" y="3343183"/>
                <a:ext cx="915399" cy="1381764"/>
              </a:xfrm>
              <a:prstGeom prst="rect">
                <a:avLst/>
              </a:prstGeom>
            </p:spPr>
          </p:pic>
          <p:pic>
            <p:nvPicPr>
              <p:cNvPr id="50" name="Picture 49">
                <a:extLst>
                  <a:ext uri="{FF2B5EF4-FFF2-40B4-BE49-F238E27FC236}">
                    <a16:creationId xmlns:a16="http://schemas.microsoft.com/office/drawing/2014/main" id="{422BA88C-6494-3840-8ACD-D629C8E2EF4F}"/>
                  </a:ext>
                </a:extLst>
              </p:cNvPr>
              <p:cNvPicPr>
                <a:picLocks noChangeAspect="1"/>
              </p:cNvPicPr>
              <p:nvPr/>
            </p:nvPicPr>
            <p:blipFill rotWithShape="1">
              <a:blip r:embed="rId6" cstate="email">
                <a:extLst>
                  <a:ext uri="{28A0092B-C50C-407E-A947-70E740481C1C}">
                    <a14:useLocalDpi xmlns:a14="http://schemas.microsoft.com/office/drawing/2010/main"/>
                  </a:ext>
                </a:extLst>
              </a:blip>
              <a:srcRect l="16709" r="15798" b="23851"/>
              <a:stretch/>
            </p:blipFill>
            <p:spPr>
              <a:xfrm>
                <a:off x="5245748" y="1669108"/>
                <a:ext cx="792252" cy="1037368"/>
              </a:xfrm>
              <a:prstGeom prst="rect">
                <a:avLst/>
              </a:prstGeom>
            </p:spPr>
          </p:pic>
          <p:pic>
            <p:nvPicPr>
              <p:cNvPr id="56" name="Picture 55">
                <a:extLst>
                  <a:ext uri="{FF2B5EF4-FFF2-40B4-BE49-F238E27FC236}">
                    <a16:creationId xmlns:a16="http://schemas.microsoft.com/office/drawing/2014/main" id="{77D61ED1-554E-834C-8AA6-D4CE33895C4A}"/>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6789983" y="3479363"/>
                <a:ext cx="717171" cy="1059820"/>
              </a:xfrm>
              <a:prstGeom prst="rect">
                <a:avLst/>
              </a:prstGeom>
            </p:spPr>
          </p:pic>
          <p:pic>
            <p:nvPicPr>
              <p:cNvPr id="58" name="Picture 57">
                <a:extLst>
                  <a:ext uri="{FF2B5EF4-FFF2-40B4-BE49-F238E27FC236}">
                    <a16:creationId xmlns:a16="http://schemas.microsoft.com/office/drawing/2014/main" id="{AD42E33C-6015-EB4A-A9B2-80276A5684F8}"/>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5356231" y="5319849"/>
                <a:ext cx="662191" cy="959249"/>
              </a:xfrm>
              <a:prstGeom prst="rect">
                <a:avLst/>
              </a:prstGeom>
            </p:spPr>
          </p:pic>
        </p:grpSp>
        <p:sp>
          <p:nvSpPr>
            <p:cNvPr id="76" name="TextBox 75">
              <a:extLst>
                <a:ext uri="{FF2B5EF4-FFF2-40B4-BE49-F238E27FC236}">
                  <a16:creationId xmlns:a16="http://schemas.microsoft.com/office/drawing/2014/main" id="{7A0D671D-6F6E-E247-B12F-E8293DF8188D}"/>
                </a:ext>
              </a:extLst>
            </p:cNvPr>
            <p:cNvSpPr txBox="1"/>
            <p:nvPr/>
          </p:nvSpPr>
          <p:spPr>
            <a:xfrm>
              <a:off x="7633436" y="1343499"/>
              <a:ext cx="3743389" cy="461665"/>
            </a:xfrm>
            <a:prstGeom prst="rect">
              <a:avLst/>
            </a:prstGeom>
            <a:noFill/>
          </p:spPr>
          <p:txBody>
            <a:bodyPr wrap="square" rtlCol="0">
              <a:spAutoFit/>
            </a:bodyPr>
            <a:lstStyle/>
            <a:p>
              <a:pPr algn="ctr"/>
              <a:r>
                <a:rPr lang="en-US" sz="2400" b="1" u="sng" dirty="0"/>
                <a:t>eCare Plan</a:t>
              </a:r>
            </a:p>
          </p:txBody>
        </p:sp>
        <p:sp>
          <p:nvSpPr>
            <p:cNvPr id="77" name="TextBox 76">
              <a:extLst>
                <a:ext uri="{FF2B5EF4-FFF2-40B4-BE49-F238E27FC236}">
                  <a16:creationId xmlns:a16="http://schemas.microsoft.com/office/drawing/2014/main" id="{A003EC7B-85BD-1746-BEC4-7AB25A469131}"/>
                </a:ext>
              </a:extLst>
            </p:cNvPr>
            <p:cNvSpPr txBox="1"/>
            <p:nvPr/>
          </p:nvSpPr>
          <p:spPr>
            <a:xfrm>
              <a:off x="7239550" y="5021178"/>
              <a:ext cx="1087615" cy="307777"/>
            </a:xfrm>
            <a:prstGeom prst="rect">
              <a:avLst/>
            </a:prstGeom>
            <a:noFill/>
          </p:spPr>
          <p:txBody>
            <a:bodyPr wrap="square" rtlCol="0">
              <a:spAutoFit/>
            </a:bodyPr>
            <a:lstStyle/>
            <a:p>
              <a:pPr algn="ctr"/>
              <a:r>
                <a:rPr lang="en-US" sz="1400" dirty="0"/>
                <a:t>Patient</a:t>
              </a:r>
            </a:p>
          </p:txBody>
        </p:sp>
        <p:sp>
          <p:nvSpPr>
            <p:cNvPr id="81" name="TextBox 80">
              <a:extLst>
                <a:ext uri="{FF2B5EF4-FFF2-40B4-BE49-F238E27FC236}">
                  <a16:creationId xmlns:a16="http://schemas.microsoft.com/office/drawing/2014/main" id="{77D7C005-41CA-CF42-9594-227D89269E32}"/>
                </a:ext>
              </a:extLst>
            </p:cNvPr>
            <p:cNvSpPr txBox="1"/>
            <p:nvPr/>
          </p:nvSpPr>
          <p:spPr>
            <a:xfrm>
              <a:off x="9025495" y="6517303"/>
              <a:ext cx="1087615" cy="307777"/>
            </a:xfrm>
            <a:prstGeom prst="rect">
              <a:avLst/>
            </a:prstGeom>
            <a:noFill/>
          </p:spPr>
          <p:txBody>
            <a:bodyPr wrap="square" rtlCol="0">
              <a:spAutoFit/>
            </a:bodyPr>
            <a:lstStyle/>
            <a:p>
              <a:pPr algn="ctr"/>
              <a:r>
                <a:rPr lang="en-US" sz="1400" dirty="0"/>
                <a:t>Clinician</a:t>
              </a:r>
            </a:p>
          </p:txBody>
        </p:sp>
        <p:sp>
          <p:nvSpPr>
            <p:cNvPr id="82" name="TextBox 81">
              <a:extLst>
                <a:ext uri="{FF2B5EF4-FFF2-40B4-BE49-F238E27FC236}">
                  <a16:creationId xmlns:a16="http://schemas.microsoft.com/office/drawing/2014/main" id="{DC77D3E4-2CB5-E349-BE68-F1A59577433E}"/>
                </a:ext>
              </a:extLst>
            </p:cNvPr>
            <p:cNvSpPr txBox="1"/>
            <p:nvPr/>
          </p:nvSpPr>
          <p:spPr>
            <a:xfrm>
              <a:off x="10422565" y="4853045"/>
              <a:ext cx="1087615" cy="307777"/>
            </a:xfrm>
            <a:prstGeom prst="rect">
              <a:avLst/>
            </a:prstGeom>
            <a:noFill/>
          </p:spPr>
          <p:txBody>
            <a:bodyPr wrap="square" rtlCol="0">
              <a:spAutoFit/>
            </a:bodyPr>
            <a:lstStyle/>
            <a:p>
              <a:pPr algn="ctr"/>
              <a:r>
                <a:rPr lang="en-US" sz="1400" dirty="0"/>
                <a:t>Clinician</a:t>
              </a:r>
            </a:p>
          </p:txBody>
        </p:sp>
        <p:sp>
          <p:nvSpPr>
            <p:cNvPr id="83" name="TextBox 82">
              <a:extLst>
                <a:ext uri="{FF2B5EF4-FFF2-40B4-BE49-F238E27FC236}">
                  <a16:creationId xmlns:a16="http://schemas.microsoft.com/office/drawing/2014/main" id="{B3C6AE2E-FDF7-CA4A-A0A9-1C9F4BF8B9B5}"/>
                </a:ext>
              </a:extLst>
            </p:cNvPr>
            <p:cNvSpPr txBox="1"/>
            <p:nvPr/>
          </p:nvSpPr>
          <p:spPr>
            <a:xfrm>
              <a:off x="8953756" y="2929271"/>
              <a:ext cx="1087615" cy="307777"/>
            </a:xfrm>
            <a:prstGeom prst="rect">
              <a:avLst/>
            </a:prstGeom>
            <a:noFill/>
          </p:spPr>
          <p:txBody>
            <a:bodyPr wrap="square" rtlCol="0">
              <a:spAutoFit/>
            </a:bodyPr>
            <a:lstStyle/>
            <a:p>
              <a:pPr algn="ctr"/>
              <a:r>
                <a:rPr lang="en-US" sz="1400" dirty="0"/>
                <a:t>Clinician</a:t>
              </a:r>
            </a:p>
          </p:txBody>
        </p:sp>
      </p:grpSp>
      <p:grpSp>
        <p:nvGrpSpPr>
          <p:cNvPr id="14" name="Group 13">
            <a:extLst>
              <a:ext uri="{FF2B5EF4-FFF2-40B4-BE49-F238E27FC236}">
                <a16:creationId xmlns:a16="http://schemas.microsoft.com/office/drawing/2014/main" id="{6D1AC3A1-5B51-3A46-B318-BFD53336C2C6}"/>
              </a:ext>
            </a:extLst>
          </p:cNvPr>
          <p:cNvGrpSpPr/>
          <p:nvPr/>
        </p:nvGrpSpPr>
        <p:grpSpPr>
          <a:xfrm>
            <a:off x="-84877" y="1251651"/>
            <a:ext cx="12386228" cy="2391390"/>
            <a:chOff x="-84877" y="1251651"/>
            <a:chExt cx="12386228" cy="2391390"/>
          </a:xfrm>
        </p:grpSpPr>
        <p:grpSp>
          <p:nvGrpSpPr>
            <p:cNvPr id="51" name="Group 50">
              <a:extLst>
                <a:ext uri="{FF2B5EF4-FFF2-40B4-BE49-F238E27FC236}">
                  <a16:creationId xmlns:a16="http://schemas.microsoft.com/office/drawing/2014/main" id="{85BA04AD-88D7-0B4F-8F97-76E3E7B9C5C4}"/>
                </a:ext>
              </a:extLst>
            </p:cNvPr>
            <p:cNvGrpSpPr/>
            <p:nvPr/>
          </p:nvGrpSpPr>
          <p:grpSpPr>
            <a:xfrm>
              <a:off x="9986764" y="1350510"/>
              <a:ext cx="2314587" cy="2292531"/>
              <a:chOff x="7518045" y="1203687"/>
              <a:chExt cx="2873166" cy="2574814"/>
            </a:xfrm>
          </p:grpSpPr>
          <p:grpSp>
            <p:nvGrpSpPr>
              <p:cNvPr id="57" name="Group 56">
                <a:extLst>
                  <a:ext uri="{FF2B5EF4-FFF2-40B4-BE49-F238E27FC236}">
                    <a16:creationId xmlns:a16="http://schemas.microsoft.com/office/drawing/2014/main" id="{714A0D34-3624-AC48-81B5-0E0A7BB5ECCC}"/>
                  </a:ext>
                </a:extLst>
              </p:cNvPr>
              <p:cNvGrpSpPr/>
              <p:nvPr/>
            </p:nvGrpSpPr>
            <p:grpSpPr>
              <a:xfrm>
                <a:off x="7518045" y="2938817"/>
                <a:ext cx="2873166" cy="839684"/>
                <a:chOff x="7518045" y="2786417"/>
                <a:chExt cx="2873166" cy="839684"/>
              </a:xfrm>
            </p:grpSpPr>
            <p:cxnSp>
              <p:nvCxnSpPr>
                <p:cNvPr id="65" name="Straight Connector 64">
                  <a:extLst>
                    <a:ext uri="{FF2B5EF4-FFF2-40B4-BE49-F238E27FC236}">
                      <a16:creationId xmlns:a16="http://schemas.microsoft.com/office/drawing/2014/main" id="{BBAE4EFE-4EFC-974A-A621-E75666BEFCDD}"/>
                    </a:ext>
                  </a:extLst>
                </p:cNvPr>
                <p:cNvCxnSpPr>
                  <a:cxnSpLocks/>
                </p:cNvCxnSpPr>
                <p:nvPr/>
              </p:nvCxnSpPr>
              <p:spPr>
                <a:xfrm flipH="1">
                  <a:off x="7518045" y="2786417"/>
                  <a:ext cx="1165503" cy="839684"/>
                </a:xfrm>
                <a:prstGeom prst="line">
                  <a:avLst/>
                </a:prstGeom>
                <a:ln w="57150" cmpd="sng">
                  <a:solidFill>
                    <a:srgbClr val="4F81BD"/>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sp>
              <p:nvSpPr>
                <p:cNvPr id="69" name="TextBox 68">
                  <a:extLst>
                    <a:ext uri="{FF2B5EF4-FFF2-40B4-BE49-F238E27FC236}">
                      <a16:creationId xmlns:a16="http://schemas.microsoft.com/office/drawing/2014/main" id="{DD85839E-E37A-2543-9ACD-2BEE2579EA9A}"/>
                    </a:ext>
                  </a:extLst>
                </p:cNvPr>
                <p:cNvSpPr txBox="1"/>
                <p:nvPr/>
              </p:nvSpPr>
              <p:spPr>
                <a:xfrm>
                  <a:off x="8796347" y="3172731"/>
                  <a:ext cx="1594864" cy="345674"/>
                </a:xfrm>
                <a:prstGeom prst="rect">
                  <a:avLst/>
                </a:prstGeom>
                <a:noFill/>
              </p:spPr>
              <p:txBody>
                <a:bodyPr wrap="square" rtlCol="0">
                  <a:spAutoFit/>
                </a:bodyPr>
                <a:lstStyle/>
                <a:p>
                  <a:pPr algn="ctr"/>
                  <a:r>
                    <a:rPr lang="en-US" sz="1400" dirty="0"/>
                    <a:t>Investigator</a:t>
                  </a:r>
                </a:p>
              </p:txBody>
            </p:sp>
          </p:grpSp>
          <p:pic>
            <p:nvPicPr>
              <p:cNvPr id="61" name="Picture 60">
                <a:extLst>
                  <a:ext uri="{FF2B5EF4-FFF2-40B4-BE49-F238E27FC236}">
                    <a16:creationId xmlns:a16="http://schemas.microsoft.com/office/drawing/2014/main" id="{AA98C16F-8180-DD46-AEE9-1263C0CC2FF3}"/>
                  </a:ext>
                </a:extLst>
              </p:cNvPr>
              <p:cNvPicPr>
                <a:picLocks noChangeAspect="1"/>
              </p:cNvPicPr>
              <p:nvPr/>
            </p:nvPicPr>
            <p:blipFill rotWithShape="1">
              <a:blip r:embed="rId9"/>
              <a:srcRect l="14345" t="-903" r="22561" b="8199"/>
              <a:stretch/>
            </p:blipFill>
            <p:spPr>
              <a:xfrm>
                <a:off x="8718739" y="1203687"/>
                <a:ext cx="1445789" cy="2124329"/>
              </a:xfrm>
              <a:prstGeom prst="rect">
                <a:avLst/>
              </a:prstGeom>
            </p:spPr>
          </p:pic>
        </p:grpSp>
        <p:grpSp>
          <p:nvGrpSpPr>
            <p:cNvPr id="85" name="Group 84">
              <a:extLst>
                <a:ext uri="{FF2B5EF4-FFF2-40B4-BE49-F238E27FC236}">
                  <a16:creationId xmlns:a16="http://schemas.microsoft.com/office/drawing/2014/main" id="{334E2179-D971-9342-AFE2-AE6F0DCB832F}"/>
                </a:ext>
              </a:extLst>
            </p:cNvPr>
            <p:cNvGrpSpPr/>
            <p:nvPr/>
          </p:nvGrpSpPr>
          <p:grpSpPr>
            <a:xfrm>
              <a:off x="-84877" y="1251651"/>
              <a:ext cx="5407984" cy="2322112"/>
              <a:chOff x="256868" y="1729417"/>
              <a:chExt cx="8503830" cy="2391327"/>
            </a:xfrm>
          </p:grpSpPr>
          <p:grpSp>
            <p:nvGrpSpPr>
              <p:cNvPr id="87" name="Group 86">
                <a:extLst>
                  <a:ext uri="{FF2B5EF4-FFF2-40B4-BE49-F238E27FC236}">
                    <a16:creationId xmlns:a16="http://schemas.microsoft.com/office/drawing/2014/main" id="{250FB8CA-44C2-0D4F-BADF-DE0325F6D349}"/>
                  </a:ext>
                </a:extLst>
              </p:cNvPr>
              <p:cNvGrpSpPr/>
              <p:nvPr/>
            </p:nvGrpSpPr>
            <p:grpSpPr>
              <a:xfrm>
                <a:off x="256868" y="2043781"/>
                <a:ext cx="8503830" cy="2076963"/>
                <a:chOff x="256868" y="2043781"/>
                <a:chExt cx="8503830" cy="2076963"/>
              </a:xfrm>
            </p:grpSpPr>
            <p:grpSp>
              <p:nvGrpSpPr>
                <p:cNvPr id="89" name="Group 88">
                  <a:extLst>
                    <a:ext uri="{FF2B5EF4-FFF2-40B4-BE49-F238E27FC236}">
                      <a16:creationId xmlns:a16="http://schemas.microsoft.com/office/drawing/2014/main" id="{D2BBA907-AFB4-A449-99C3-6173D2A7A364}"/>
                    </a:ext>
                  </a:extLst>
                </p:cNvPr>
                <p:cNvGrpSpPr/>
                <p:nvPr/>
              </p:nvGrpSpPr>
              <p:grpSpPr>
                <a:xfrm>
                  <a:off x="1314720" y="2043781"/>
                  <a:ext cx="7445978" cy="2076963"/>
                  <a:chOff x="1314720" y="2043781"/>
                  <a:chExt cx="7445978" cy="2076963"/>
                </a:xfrm>
              </p:grpSpPr>
              <p:cxnSp>
                <p:nvCxnSpPr>
                  <p:cNvPr id="91" name="Straight Connector 90">
                    <a:extLst>
                      <a:ext uri="{FF2B5EF4-FFF2-40B4-BE49-F238E27FC236}">
                        <a16:creationId xmlns:a16="http://schemas.microsoft.com/office/drawing/2014/main" id="{83185AAE-115D-7042-90DE-CD2C1857C2C7}"/>
                      </a:ext>
                    </a:extLst>
                  </p:cNvPr>
                  <p:cNvCxnSpPr>
                    <a:cxnSpLocks/>
                    <a:endCxn id="90" idx="2"/>
                  </p:cNvCxnSpPr>
                  <p:nvPr/>
                </p:nvCxnSpPr>
                <p:spPr>
                  <a:xfrm flipV="1">
                    <a:off x="1314720" y="3584606"/>
                    <a:ext cx="0" cy="536138"/>
                  </a:xfrm>
                  <a:prstGeom prst="line">
                    <a:avLst/>
                  </a:prstGeom>
                  <a:ln w="57150" cmpd="sng">
                    <a:solidFill>
                      <a:srgbClr val="4F81BD"/>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grpSp>
                <p:nvGrpSpPr>
                  <p:cNvPr id="92" name="Group 91">
                    <a:extLst>
                      <a:ext uri="{FF2B5EF4-FFF2-40B4-BE49-F238E27FC236}">
                        <a16:creationId xmlns:a16="http://schemas.microsoft.com/office/drawing/2014/main" id="{1DB0A791-E442-7E44-99F9-E6AA87AE20E4}"/>
                      </a:ext>
                    </a:extLst>
                  </p:cNvPr>
                  <p:cNvGrpSpPr/>
                  <p:nvPr/>
                </p:nvGrpSpPr>
                <p:grpSpPr>
                  <a:xfrm>
                    <a:off x="1987690" y="2043781"/>
                    <a:ext cx="6773008" cy="1720850"/>
                    <a:chOff x="1987690" y="2043781"/>
                    <a:chExt cx="6773008" cy="1720850"/>
                  </a:xfrm>
                </p:grpSpPr>
                <p:cxnSp>
                  <p:nvCxnSpPr>
                    <p:cNvPr id="93" name="Straight Connector 92">
                      <a:extLst>
                        <a:ext uri="{FF2B5EF4-FFF2-40B4-BE49-F238E27FC236}">
                          <a16:creationId xmlns:a16="http://schemas.microsoft.com/office/drawing/2014/main" id="{113DB1EF-3C2C-854D-A1DC-C2B819E54580}"/>
                        </a:ext>
                      </a:extLst>
                    </p:cNvPr>
                    <p:cNvCxnSpPr>
                      <a:cxnSpLocks/>
                    </p:cNvCxnSpPr>
                    <p:nvPr/>
                  </p:nvCxnSpPr>
                  <p:spPr>
                    <a:xfrm flipH="1" flipV="1">
                      <a:off x="1987690" y="2892323"/>
                      <a:ext cx="2707409" cy="45734"/>
                    </a:xfrm>
                    <a:prstGeom prst="line">
                      <a:avLst/>
                    </a:prstGeom>
                    <a:ln w="57150" cmpd="sng">
                      <a:solidFill>
                        <a:srgbClr val="4F81BD"/>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sp>
                  <p:nvSpPr>
                    <p:cNvPr id="94" name="Oval 93">
                      <a:extLst>
                        <a:ext uri="{FF2B5EF4-FFF2-40B4-BE49-F238E27FC236}">
                          <a16:creationId xmlns:a16="http://schemas.microsoft.com/office/drawing/2014/main" id="{C5B1C5A9-D257-9A4C-A2E9-F5257F4C3AF3}"/>
                        </a:ext>
                      </a:extLst>
                    </p:cNvPr>
                    <p:cNvSpPr/>
                    <p:nvPr/>
                  </p:nvSpPr>
                  <p:spPr>
                    <a:xfrm>
                      <a:off x="4854046" y="2043781"/>
                      <a:ext cx="3906652" cy="1720850"/>
                    </a:xfrm>
                    <a:prstGeom prst="ellipse">
                      <a:avLst/>
                    </a:prstGeom>
                    <a:noFill/>
                    <a:ln w="76200">
                      <a:solidFill>
                        <a:srgbClr val="4F81B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sp>
              <p:nvSpPr>
                <p:cNvPr id="90" name="TextBox 89">
                  <a:extLst>
                    <a:ext uri="{FF2B5EF4-FFF2-40B4-BE49-F238E27FC236}">
                      <a16:creationId xmlns:a16="http://schemas.microsoft.com/office/drawing/2014/main" id="{4F7BA863-7F86-754F-B6C9-C2926C92780C}"/>
                    </a:ext>
                  </a:extLst>
                </p:cNvPr>
                <p:cNvSpPr txBox="1"/>
                <p:nvPr/>
              </p:nvSpPr>
              <p:spPr>
                <a:xfrm>
                  <a:off x="256868" y="3267655"/>
                  <a:ext cx="2115705" cy="316951"/>
                </a:xfrm>
                <a:prstGeom prst="rect">
                  <a:avLst/>
                </a:prstGeom>
                <a:noFill/>
              </p:spPr>
              <p:txBody>
                <a:bodyPr wrap="square" rtlCol="0">
                  <a:spAutoFit/>
                </a:bodyPr>
                <a:lstStyle/>
                <a:p>
                  <a:pPr algn="ctr"/>
                  <a:r>
                    <a:rPr lang="en-US" sz="1400" dirty="0"/>
                    <a:t>Investigator</a:t>
                  </a:r>
                </a:p>
              </p:txBody>
            </p:sp>
          </p:grpSp>
          <p:pic>
            <p:nvPicPr>
              <p:cNvPr id="88" name="Picture 87">
                <a:extLst>
                  <a:ext uri="{FF2B5EF4-FFF2-40B4-BE49-F238E27FC236}">
                    <a16:creationId xmlns:a16="http://schemas.microsoft.com/office/drawing/2014/main" id="{B1339B8D-AB0E-B446-88E9-0BDEA44EC083}"/>
                  </a:ext>
                </a:extLst>
              </p:cNvPr>
              <p:cNvPicPr>
                <a:picLocks noChangeAspect="1"/>
              </p:cNvPicPr>
              <p:nvPr/>
            </p:nvPicPr>
            <p:blipFill rotWithShape="1">
              <a:blip r:embed="rId9"/>
              <a:srcRect l="14345" t="-903" r="22561" b="8199"/>
              <a:stretch/>
            </p:blipFill>
            <p:spPr>
              <a:xfrm>
                <a:off x="527544" y="1729417"/>
                <a:ext cx="1445789" cy="1580202"/>
              </a:xfrm>
              <a:prstGeom prst="rect">
                <a:avLst/>
              </a:prstGeom>
            </p:spPr>
          </p:pic>
        </p:grpSp>
      </p:grpSp>
    </p:spTree>
    <p:extLst>
      <p:ext uri="{BB962C8B-B14F-4D97-AF65-F5344CB8AC3E}">
        <p14:creationId xmlns:p14="http://schemas.microsoft.com/office/powerpoint/2010/main" val="35992061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7FDCDDBC-314D-1F4B-B552-5A1599BC45FF}"/>
              </a:ext>
            </a:extLst>
          </p:cNvPr>
          <p:cNvSpPr>
            <a:spLocks noGrp="1"/>
          </p:cNvSpPr>
          <p:nvPr>
            <p:ph type="title"/>
          </p:nvPr>
        </p:nvSpPr>
        <p:spPr/>
        <p:txBody>
          <a:bodyPr>
            <a:noAutofit/>
          </a:bodyPr>
          <a:lstStyle/>
          <a:p>
            <a:r>
              <a:rPr lang="en-US" sz="3200" dirty="0"/>
              <a:t>Comprehensive Shared Care Plan Definition:</a:t>
            </a:r>
            <a:br>
              <a:rPr lang="en-US" sz="3067" dirty="0"/>
            </a:br>
            <a:r>
              <a:rPr lang="en-US" sz="2800" dirty="0"/>
              <a:t>US Department of Health and Human Services 2015 stakeholder panel</a:t>
            </a:r>
            <a:endParaRPr lang="en-US" sz="3067" dirty="0"/>
          </a:p>
        </p:txBody>
      </p:sp>
      <p:sp>
        <p:nvSpPr>
          <p:cNvPr id="6" name="Content Placeholder 5">
            <a:extLst>
              <a:ext uri="{FF2B5EF4-FFF2-40B4-BE49-F238E27FC236}">
                <a16:creationId xmlns:a16="http://schemas.microsoft.com/office/drawing/2014/main" id="{F820FDCB-4A62-3340-A23E-F54E843E5BD2}"/>
              </a:ext>
            </a:extLst>
          </p:cNvPr>
          <p:cNvSpPr>
            <a:spLocks noGrp="1"/>
          </p:cNvSpPr>
          <p:nvPr>
            <p:ph idx="1"/>
          </p:nvPr>
        </p:nvSpPr>
        <p:spPr>
          <a:xfrm>
            <a:off x="609600" y="1554483"/>
            <a:ext cx="10972800" cy="4148894"/>
          </a:xfrm>
        </p:spPr>
        <p:txBody>
          <a:bodyPr>
            <a:normAutofit lnSpcReduction="10000"/>
          </a:bodyPr>
          <a:lstStyle/>
          <a:p>
            <a:pPr marL="514338" indent="-457189">
              <a:buFont typeface="+mj-lt"/>
              <a:buAutoNum type="arabicPeriod"/>
            </a:pPr>
            <a:r>
              <a:rPr lang="en-US" dirty="0"/>
              <a:t>Gives the person </a:t>
            </a:r>
            <a:r>
              <a:rPr lang="en-US" b="1" dirty="0"/>
              <a:t>direct access to health data</a:t>
            </a:r>
          </a:p>
          <a:p>
            <a:pPr marL="514338" indent="-457189">
              <a:buFont typeface="+mj-lt"/>
              <a:buAutoNum type="arabicPeriod"/>
            </a:pPr>
            <a:r>
              <a:rPr lang="en-US" dirty="0"/>
              <a:t>Puts the </a:t>
            </a:r>
            <a:r>
              <a:rPr lang="en-US" b="1" dirty="0"/>
              <a:t>person’s goals at the center </a:t>
            </a:r>
            <a:r>
              <a:rPr lang="en-US" dirty="0"/>
              <a:t>of decision-making </a:t>
            </a:r>
          </a:p>
          <a:p>
            <a:pPr marL="514338" indent="-457189">
              <a:buFont typeface="+mj-lt"/>
              <a:buAutoNum type="arabicPeriod"/>
            </a:pPr>
            <a:r>
              <a:rPr lang="en-US" dirty="0"/>
              <a:t>Is holistic, including </a:t>
            </a:r>
            <a:r>
              <a:rPr lang="en-US" b="1" dirty="0"/>
              <a:t>clinical and nonclinical data </a:t>
            </a:r>
            <a:r>
              <a:rPr lang="en-US" dirty="0"/>
              <a:t>(e.g., home- and community-based, social determinants needs and services)</a:t>
            </a:r>
          </a:p>
          <a:p>
            <a:pPr marL="514338" indent="-457189">
              <a:buFont typeface="+mj-lt"/>
              <a:buAutoNum type="arabicPeriod"/>
            </a:pPr>
            <a:r>
              <a:rPr lang="en-US" b="1" dirty="0"/>
              <a:t>Follows the person </a:t>
            </a:r>
            <a:r>
              <a:rPr lang="en-US" dirty="0"/>
              <a:t>through both high-need episodes (e.g., acute illness) and periods of health improvement and maintenance</a:t>
            </a:r>
          </a:p>
          <a:p>
            <a:pPr marL="514338" indent="-457189">
              <a:buFont typeface="+mj-lt"/>
              <a:buAutoNum type="arabicPeriod"/>
            </a:pPr>
            <a:r>
              <a:rPr lang="en-US" dirty="0"/>
              <a:t>Allows </a:t>
            </a:r>
            <a:r>
              <a:rPr lang="en-US" b="1" dirty="0"/>
              <a:t>care team coordination</a:t>
            </a:r>
            <a:r>
              <a:rPr lang="en-US" dirty="0"/>
              <a:t>. Clinicians able to 1) view information relevant to their role, 2) identify which clinician is doing what, and 3) update other members of an interdisciplinary team </a:t>
            </a:r>
            <a:endParaRPr lang="en-US" sz="2100" dirty="0"/>
          </a:p>
          <a:p>
            <a:pPr marL="0" indent="0">
              <a:buNone/>
            </a:pPr>
            <a:endParaRPr lang="en-US" dirty="0"/>
          </a:p>
          <a:p>
            <a:endParaRPr lang="en-US" dirty="0"/>
          </a:p>
        </p:txBody>
      </p:sp>
      <p:sp>
        <p:nvSpPr>
          <p:cNvPr id="7" name="TextBox 6">
            <a:extLst>
              <a:ext uri="{FF2B5EF4-FFF2-40B4-BE49-F238E27FC236}">
                <a16:creationId xmlns:a16="http://schemas.microsoft.com/office/drawing/2014/main" id="{78EDB275-CEDC-E648-843A-7271B5919F14}"/>
              </a:ext>
            </a:extLst>
          </p:cNvPr>
          <p:cNvSpPr txBox="1"/>
          <p:nvPr/>
        </p:nvSpPr>
        <p:spPr>
          <a:xfrm>
            <a:off x="2495226" y="6031456"/>
            <a:ext cx="5734373" cy="738664"/>
          </a:xfrm>
          <a:prstGeom prst="rect">
            <a:avLst/>
          </a:prstGeom>
          <a:noFill/>
        </p:spPr>
        <p:txBody>
          <a:bodyPr wrap="square" rtlCol="0">
            <a:spAutoFit/>
          </a:bodyPr>
          <a:lstStyle/>
          <a:p>
            <a:r>
              <a:rPr lang="en-US" sz="1400" dirty="0"/>
              <a:t>Baker, et al. Making the Comprehensive Shared Care Plan a Reality. </a:t>
            </a:r>
            <a:r>
              <a:rPr lang="en-US" sz="1400" i="1" dirty="0"/>
              <a:t>NEJM Catalyst</a:t>
            </a:r>
            <a:r>
              <a:rPr lang="en-US" sz="1400" dirty="0"/>
              <a:t>. 2016: </a:t>
            </a:r>
            <a:r>
              <a:rPr lang="en-US" sz="1400" dirty="0">
                <a:hlinkClick r:id="rId3"/>
              </a:rPr>
              <a:t>https://catalyst.nejm.org/making-the-comprehensive-shared-care-plan-a-reality/</a:t>
            </a:r>
            <a:r>
              <a:rPr lang="en-US" sz="1400" dirty="0"/>
              <a:t> </a:t>
            </a:r>
          </a:p>
        </p:txBody>
      </p:sp>
    </p:spTree>
    <p:extLst>
      <p:ext uri="{BB962C8B-B14F-4D97-AF65-F5344CB8AC3E}">
        <p14:creationId xmlns:p14="http://schemas.microsoft.com/office/powerpoint/2010/main" val="49276236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74D6B1B-FB51-F44C-87E9-774154F6A382}"/>
              </a:ext>
            </a:extLst>
          </p:cNvPr>
          <p:cNvSpPr>
            <a:spLocks noGrp="1"/>
          </p:cNvSpPr>
          <p:nvPr>
            <p:ph type="title"/>
          </p:nvPr>
        </p:nvSpPr>
        <p:spPr/>
        <p:txBody>
          <a:bodyPr>
            <a:normAutofit fontScale="90000"/>
          </a:bodyPr>
          <a:lstStyle/>
          <a:p>
            <a:r>
              <a:rPr lang="en-US" dirty="0"/>
              <a:t>Our Shared Goal: Make EHR Data More FAIR for Research, Healthcare and Public Health</a:t>
            </a:r>
          </a:p>
        </p:txBody>
      </p:sp>
      <p:graphicFrame>
        <p:nvGraphicFramePr>
          <p:cNvPr id="6" name="Table 5">
            <a:extLst>
              <a:ext uri="{FF2B5EF4-FFF2-40B4-BE49-F238E27FC236}">
                <a16:creationId xmlns:a16="http://schemas.microsoft.com/office/drawing/2014/main" id="{C2EDAC95-CBA3-9C4E-8EE3-C1F6E41E8D5D}"/>
              </a:ext>
            </a:extLst>
          </p:cNvPr>
          <p:cNvGraphicFramePr>
            <a:graphicFrameLocks noGrp="1"/>
          </p:cNvGraphicFramePr>
          <p:nvPr/>
        </p:nvGraphicFramePr>
        <p:xfrm>
          <a:off x="342685" y="1370595"/>
          <a:ext cx="11498020" cy="3395924"/>
        </p:xfrm>
        <a:graphic>
          <a:graphicData uri="http://schemas.openxmlformats.org/drawingml/2006/table">
            <a:tbl>
              <a:tblPr firstRow="1" bandRow="1">
                <a:tableStyleId>{5C22544A-7EE6-4342-B048-85BDC9FD1C3A}</a:tableStyleId>
              </a:tblPr>
              <a:tblGrid>
                <a:gridCol w="5749010">
                  <a:extLst>
                    <a:ext uri="{9D8B030D-6E8A-4147-A177-3AD203B41FA5}">
                      <a16:colId xmlns:a16="http://schemas.microsoft.com/office/drawing/2014/main" val="628363269"/>
                    </a:ext>
                  </a:extLst>
                </a:gridCol>
                <a:gridCol w="5749010">
                  <a:extLst>
                    <a:ext uri="{9D8B030D-6E8A-4147-A177-3AD203B41FA5}">
                      <a16:colId xmlns:a16="http://schemas.microsoft.com/office/drawing/2014/main" val="3231468285"/>
                    </a:ext>
                  </a:extLst>
                </a:gridCol>
              </a:tblGrid>
              <a:tr h="561284">
                <a:tc>
                  <a:txBody>
                    <a:bodyPr/>
                    <a:lstStyle/>
                    <a:p>
                      <a:r>
                        <a:rPr lang="en-US" sz="2000" dirty="0"/>
                        <a:t>MCC eCare Plan Project</a:t>
                      </a:r>
                    </a:p>
                  </a:txBody>
                  <a:tcPr/>
                </a:tc>
                <a:tc>
                  <a:txBody>
                    <a:bodyPr/>
                    <a:lstStyle/>
                    <a:p>
                      <a:r>
                        <a:rPr lang="en-US" sz="2000" dirty="0"/>
                        <a:t>MedMorph</a:t>
                      </a:r>
                    </a:p>
                  </a:txBody>
                  <a:tcPr/>
                </a:tc>
                <a:extLst>
                  <a:ext uri="{0D108BD9-81ED-4DB2-BD59-A6C34878D82A}">
                    <a16:rowId xmlns:a16="http://schemas.microsoft.com/office/drawing/2014/main" val="73491252"/>
                  </a:ext>
                </a:extLst>
              </a:tr>
              <a:tr h="249209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dirty="0"/>
                        <a:t>Build capacity for pragmatic, patient-centered outcomes research (PCOR) by developing an </a:t>
                      </a:r>
                      <a:r>
                        <a:rPr lang="en-US" sz="2000" b="1" dirty="0"/>
                        <a:t>interoperable electronic care plan </a:t>
                      </a:r>
                      <a:r>
                        <a:rPr lang="en-US" sz="2000" dirty="0"/>
                        <a:t>to facilitate aggregation and </a:t>
                      </a:r>
                      <a:r>
                        <a:rPr lang="en-US" sz="2000" b="1" dirty="0"/>
                        <a:t>sharing of critical patient-centered data</a:t>
                      </a:r>
                      <a:r>
                        <a:rPr lang="en-US" sz="2000" dirty="0"/>
                        <a:t> across </a:t>
                      </a:r>
                      <a:r>
                        <a:rPr lang="en-US" sz="2000" b="1" dirty="0"/>
                        <a:t>home-</a:t>
                      </a:r>
                      <a:r>
                        <a:rPr lang="en-US" sz="2000" dirty="0"/>
                        <a:t>, </a:t>
                      </a:r>
                      <a:r>
                        <a:rPr lang="en-US" sz="2000" b="1" dirty="0"/>
                        <a:t>community-</a:t>
                      </a:r>
                      <a:r>
                        <a:rPr lang="en-US" sz="2000" dirty="0"/>
                        <a:t>, </a:t>
                      </a:r>
                      <a:r>
                        <a:rPr lang="en-US" sz="2000" b="1" dirty="0"/>
                        <a:t>clinic- </a:t>
                      </a:r>
                      <a:r>
                        <a:rPr lang="en-US" sz="2000" dirty="0"/>
                        <a:t>and </a:t>
                      </a:r>
                      <a:r>
                        <a:rPr lang="en-US" sz="2000" b="1" dirty="0"/>
                        <a:t>research- </a:t>
                      </a:r>
                      <a:r>
                        <a:rPr lang="en-US" sz="2000" dirty="0"/>
                        <a:t>based settings for people with </a:t>
                      </a:r>
                      <a:r>
                        <a:rPr lang="en-US" sz="2000" b="1" dirty="0"/>
                        <a:t>multiple chronic conditions </a:t>
                      </a:r>
                      <a:r>
                        <a:rPr lang="en-US" sz="2000" dirty="0"/>
                        <a:t>(MCC).</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2000" dirty="0"/>
                        <a:t>Create a reliable, scalable, and interoperable method to get </a:t>
                      </a:r>
                      <a:r>
                        <a:rPr lang="en-US" sz="2000" b="1" dirty="0"/>
                        <a:t>electronic health record data </a:t>
                      </a:r>
                      <a:r>
                        <a:rPr lang="en-US" sz="2000" dirty="0"/>
                        <a:t>for multiple public health and research scenarios (use cases). The development of a </a:t>
                      </a:r>
                      <a:r>
                        <a:rPr lang="en-US" sz="2000" b="0" dirty="0"/>
                        <a:t>reference architecture </a:t>
                      </a:r>
                      <a:r>
                        <a:rPr lang="en-US" sz="2000" dirty="0"/>
                        <a:t>and demonstrated implementation will reduce the burden on healthcare providers and help </a:t>
                      </a:r>
                      <a:r>
                        <a:rPr lang="en-US" sz="2000" b="1" dirty="0"/>
                        <a:t>provide the standards and methods to receive and send data from EHRs </a:t>
                      </a:r>
                      <a:r>
                        <a:rPr lang="en-US" sz="2000" dirty="0"/>
                        <a:t>for a variety of public health and research purposes.</a:t>
                      </a:r>
                    </a:p>
                  </a:txBody>
                  <a:tcPr/>
                </a:tc>
                <a:extLst>
                  <a:ext uri="{0D108BD9-81ED-4DB2-BD59-A6C34878D82A}">
                    <a16:rowId xmlns:a16="http://schemas.microsoft.com/office/drawing/2014/main" val="1737576179"/>
                  </a:ext>
                </a:extLst>
              </a:tr>
            </a:tbl>
          </a:graphicData>
        </a:graphic>
      </p:graphicFrame>
      <p:sp>
        <p:nvSpPr>
          <p:cNvPr id="7" name="TextBox 6">
            <a:extLst>
              <a:ext uri="{FF2B5EF4-FFF2-40B4-BE49-F238E27FC236}">
                <a16:creationId xmlns:a16="http://schemas.microsoft.com/office/drawing/2014/main" id="{DC605ECF-26CD-9440-8A4A-89C5EE0DAB6D}"/>
              </a:ext>
            </a:extLst>
          </p:cNvPr>
          <p:cNvSpPr txBox="1"/>
          <p:nvPr/>
        </p:nvSpPr>
        <p:spPr>
          <a:xfrm>
            <a:off x="1596325" y="4897464"/>
            <a:ext cx="9562455" cy="523220"/>
          </a:xfrm>
          <a:prstGeom prst="rect">
            <a:avLst/>
          </a:prstGeom>
          <a:noFill/>
        </p:spPr>
        <p:txBody>
          <a:bodyPr wrap="square" rtlCol="0">
            <a:spAutoFit/>
          </a:bodyPr>
          <a:lstStyle/>
          <a:p>
            <a:r>
              <a:rPr lang="en-US" sz="2800" dirty="0">
                <a:solidFill>
                  <a:srgbClr val="FF0000"/>
                </a:solidFill>
              </a:rPr>
              <a:t>But we are taking unique (complementary?) approaches!</a:t>
            </a:r>
          </a:p>
        </p:txBody>
      </p:sp>
    </p:spTree>
    <p:extLst>
      <p:ext uri="{BB962C8B-B14F-4D97-AF65-F5344CB8AC3E}">
        <p14:creationId xmlns:p14="http://schemas.microsoft.com/office/powerpoint/2010/main" val="367904816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Figure 15: Co-morbidity among Chronic Conditions for Medicare Fee-For-Service Beneficiaries: 2017&#10;Figure showing the Figure 15: Co-morbidity among Chronic Conditions for Medicare Fee-For-Service Beneficiaries : 2017. The data table is available from the Medicare Chronic Conditions website http://www.cms.gov/Research-Statistics-Data-and-Systems/Statistics-Trends-and-Reports/Chronic-Conditions/Maps_Charts.html and is located in the download zipped file titled “Chronic Conditions Charts: 2017”.&#10;" title="Figure 15: Co-morbidity among Chronic Conditions for Medicare Fee-For-Service Beneficiaries : 2017"/>
          <p:cNvPicPr>
            <a:picLocks noChangeAspect="1"/>
          </p:cNvPicPr>
          <p:nvPr/>
        </p:nvPicPr>
        <p:blipFill rotWithShape="1">
          <a:blip r:embed="rId3"/>
          <a:srcRect t="11335"/>
          <a:stretch/>
        </p:blipFill>
        <p:spPr>
          <a:xfrm>
            <a:off x="2824698" y="1192698"/>
            <a:ext cx="8817364" cy="5675242"/>
          </a:xfrm>
          <a:prstGeom prst="rect">
            <a:avLst/>
          </a:prstGeom>
        </p:spPr>
      </p:pic>
      <p:sp>
        <p:nvSpPr>
          <p:cNvPr id="2" name="Title 1">
            <a:extLst>
              <a:ext uri="{FF2B5EF4-FFF2-40B4-BE49-F238E27FC236}">
                <a16:creationId xmlns:a16="http://schemas.microsoft.com/office/drawing/2014/main" id="{51968D65-088B-4F44-8B64-EBBC8BC72D8B}"/>
              </a:ext>
            </a:extLst>
          </p:cNvPr>
          <p:cNvSpPr>
            <a:spLocks noGrp="1"/>
          </p:cNvSpPr>
          <p:nvPr>
            <p:ph type="title"/>
          </p:nvPr>
        </p:nvSpPr>
        <p:spPr/>
        <p:txBody>
          <a:bodyPr>
            <a:normAutofit fontScale="90000"/>
          </a:bodyPr>
          <a:lstStyle/>
          <a:p>
            <a:r>
              <a:rPr lang="en-US" dirty="0"/>
              <a:t>Comorbidity in Fee-for-Service Medicare Beneficiaries </a:t>
            </a:r>
            <a:br>
              <a:rPr lang="en-US" dirty="0"/>
            </a:br>
            <a:r>
              <a:rPr lang="en-US" dirty="0"/>
              <a:t>by Chronic Condition (2017)</a:t>
            </a:r>
          </a:p>
        </p:txBody>
      </p:sp>
      <p:grpSp>
        <p:nvGrpSpPr>
          <p:cNvPr id="7" name="Group 6">
            <a:extLst>
              <a:ext uri="{FF2B5EF4-FFF2-40B4-BE49-F238E27FC236}">
                <a16:creationId xmlns:a16="http://schemas.microsoft.com/office/drawing/2014/main" id="{269DEE83-227A-9F48-9BC6-7122A9AC9E46}"/>
              </a:ext>
            </a:extLst>
          </p:cNvPr>
          <p:cNvGrpSpPr/>
          <p:nvPr/>
        </p:nvGrpSpPr>
        <p:grpSpPr>
          <a:xfrm>
            <a:off x="480447" y="4466327"/>
            <a:ext cx="3633367" cy="1872712"/>
            <a:chOff x="480447" y="4466327"/>
            <a:chExt cx="3633367" cy="1872712"/>
          </a:xfrm>
        </p:grpSpPr>
        <p:cxnSp>
          <p:nvCxnSpPr>
            <p:cNvPr id="9" name="Straight Connector 8">
              <a:extLst>
                <a:ext uri="{FF2B5EF4-FFF2-40B4-BE49-F238E27FC236}">
                  <a16:creationId xmlns:a16="http://schemas.microsoft.com/office/drawing/2014/main" id="{81717995-1C00-DC43-86B7-81BC286641CA}"/>
                </a:ext>
              </a:extLst>
            </p:cNvPr>
            <p:cNvCxnSpPr>
              <a:cxnSpLocks/>
            </p:cNvCxnSpPr>
            <p:nvPr/>
          </p:nvCxnSpPr>
          <p:spPr>
            <a:xfrm>
              <a:off x="2824698" y="5882595"/>
              <a:ext cx="493986" cy="0"/>
            </a:xfrm>
            <a:prstGeom prst="line">
              <a:avLst/>
            </a:prstGeom>
            <a:ln w="76200">
              <a:solidFill>
                <a:srgbClr val="FF00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00490D1C-0F8C-B244-BD91-2ED2F619305E}"/>
                </a:ext>
              </a:extLst>
            </p:cNvPr>
            <p:cNvCxnSpPr>
              <a:cxnSpLocks/>
            </p:cNvCxnSpPr>
            <p:nvPr/>
          </p:nvCxnSpPr>
          <p:spPr>
            <a:xfrm>
              <a:off x="3619828" y="4466327"/>
              <a:ext cx="493986" cy="0"/>
            </a:xfrm>
            <a:prstGeom prst="line">
              <a:avLst/>
            </a:prstGeom>
            <a:ln w="76200">
              <a:solidFill>
                <a:srgbClr val="FF00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88D894BA-52DC-B34C-8CA4-4FFE59944B3C}"/>
                </a:ext>
              </a:extLst>
            </p:cNvPr>
            <p:cNvCxnSpPr>
              <a:cxnSpLocks/>
            </p:cNvCxnSpPr>
            <p:nvPr/>
          </p:nvCxnSpPr>
          <p:spPr>
            <a:xfrm>
              <a:off x="2824698" y="5176666"/>
              <a:ext cx="493986" cy="0"/>
            </a:xfrm>
            <a:prstGeom prst="line">
              <a:avLst/>
            </a:prstGeom>
            <a:ln w="76200">
              <a:solidFill>
                <a:srgbClr val="FF00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65452E5-4667-2043-9CCE-0D1A39EF69BD}"/>
                </a:ext>
              </a:extLst>
            </p:cNvPr>
            <p:cNvCxnSpPr>
              <a:cxnSpLocks/>
            </p:cNvCxnSpPr>
            <p:nvPr/>
          </p:nvCxnSpPr>
          <p:spPr>
            <a:xfrm>
              <a:off x="3372835" y="6339039"/>
              <a:ext cx="493986" cy="0"/>
            </a:xfrm>
            <a:prstGeom prst="line">
              <a:avLst/>
            </a:prstGeom>
            <a:ln w="76200">
              <a:solidFill>
                <a:srgbClr val="FF0000"/>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806BA58F-D2A3-C948-A7A6-BFF60EA87C48}"/>
                </a:ext>
              </a:extLst>
            </p:cNvPr>
            <p:cNvSpPr txBox="1"/>
            <p:nvPr/>
          </p:nvSpPr>
          <p:spPr>
            <a:xfrm>
              <a:off x="480447" y="5176666"/>
              <a:ext cx="2344251" cy="461665"/>
            </a:xfrm>
            <a:prstGeom prst="rect">
              <a:avLst/>
            </a:prstGeom>
            <a:noFill/>
          </p:spPr>
          <p:txBody>
            <a:bodyPr wrap="square" rtlCol="0">
              <a:spAutoFit/>
            </a:bodyPr>
            <a:lstStyle/>
            <a:p>
              <a:r>
                <a:rPr lang="en-US" sz="2400" dirty="0">
                  <a:solidFill>
                    <a:srgbClr val="FF0000"/>
                  </a:solidFill>
                </a:rPr>
                <a:t>MCC eCare</a:t>
              </a:r>
            </a:p>
          </p:txBody>
        </p:sp>
      </p:grpSp>
      <p:grpSp>
        <p:nvGrpSpPr>
          <p:cNvPr id="6" name="Group 5">
            <a:extLst>
              <a:ext uri="{FF2B5EF4-FFF2-40B4-BE49-F238E27FC236}">
                <a16:creationId xmlns:a16="http://schemas.microsoft.com/office/drawing/2014/main" id="{EA912B3E-956F-C04C-BB4B-A46C2837CD35}"/>
              </a:ext>
            </a:extLst>
          </p:cNvPr>
          <p:cNvGrpSpPr/>
          <p:nvPr/>
        </p:nvGrpSpPr>
        <p:grpSpPr>
          <a:xfrm>
            <a:off x="570425" y="2522531"/>
            <a:ext cx="3636826" cy="767218"/>
            <a:chOff x="570425" y="2522531"/>
            <a:chExt cx="3636826" cy="767218"/>
          </a:xfrm>
        </p:grpSpPr>
        <p:cxnSp>
          <p:nvCxnSpPr>
            <p:cNvPr id="13" name="Straight Connector 12">
              <a:extLst>
                <a:ext uri="{FF2B5EF4-FFF2-40B4-BE49-F238E27FC236}">
                  <a16:creationId xmlns:a16="http://schemas.microsoft.com/office/drawing/2014/main" id="{EA4386E9-0AA0-8F42-944F-CCA9A40686DA}"/>
                </a:ext>
              </a:extLst>
            </p:cNvPr>
            <p:cNvCxnSpPr>
              <a:cxnSpLocks/>
            </p:cNvCxnSpPr>
            <p:nvPr/>
          </p:nvCxnSpPr>
          <p:spPr>
            <a:xfrm>
              <a:off x="2453721" y="3289749"/>
              <a:ext cx="493986" cy="0"/>
            </a:xfrm>
            <a:prstGeom prst="line">
              <a:avLst/>
            </a:prstGeom>
            <a:ln w="76200">
              <a:solidFill>
                <a:srgbClr val="20558A"/>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2A294226-B08D-2642-B1C6-54236FF1CC81}"/>
                </a:ext>
              </a:extLst>
            </p:cNvPr>
            <p:cNvCxnSpPr>
              <a:cxnSpLocks/>
            </p:cNvCxnSpPr>
            <p:nvPr/>
          </p:nvCxnSpPr>
          <p:spPr>
            <a:xfrm>
              <a:off x="3713265" y="2589742"/>
              <a:ext cx="493986" cy="0"/>
            </a:xfrm>
            <a:prstGeom prst="line">
              <a:avLst/>
            </a:prstGeom>
            <a:ln w="76200">
              <a:solidFill>
                <a:srgbClr val="20558A"/>
              </a:solidFill>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A9ECE79F-3A9E-D94F-B090-FE35E0B101E5}"/>
                </a:ext>
              </a:extLst>
            </p:cNvPr>
            <p:cNvSpPr txBox="1"/>
            <p:nvPr/>
          </p:nvSpPr>
          <p:spPr>
            <a:xfrm>
              <a:off x="570425" y="2522531"/>
              <a:ext cx="2344251" cy="461665"/>
            </a:xfrm>
            <a:prstGeom prst="rect">
              <a:avLst/>
            </a:prstGeom>
            <a:noFill/>
          </p:spPr>
          <p:txBody>
            <a:bodyPr wrap="square" rtlCol="0">
              <a:spAutoFit/>
            </a:bodyPr>
            <a:lstStyle/>
            <a:p>
              <a:r>
                <a:rPr lang="en-US" sz="2400" dirty="0">
                  <a:solidFill>
                    <a:srgbClr val="20558A"/>
                  </a:solidFill>
                </a:rPr>
                <a:t>MedMorph</a:t>
              </a:r>
            </a:p>
          </p:txBody>
        </p:sp>
      </p:grpSp>
    </p:spTree>
    <p:extLst>
      <p:ext uri="{BB962C8B-B14F-4D97-AF65-F5344CB8AC3E}">
        <p14:creationId xmlns:p14="http://schemas.microsoft.com/office/powerpoint/2010/main" val="94882199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74D6B1B-FB51-F44C-87E9-774154F6A382}"/>
              </a:ext>
            </a:extLst>
          </p:cNvPr>
          <p:cNvSpPr>
            <a:spLocks noGrp="1"/>
          </p:cNvSpPr>
          <p:nvPr>
            <p:ph type="title"/>
          </p:nvPr>
        </p:nvSpPr>
        <p:spPr/>
        <p:txBody>
          <a:bodyPr/>
          <a:lstStyle/>
          <a:p>
            <a:r>
              <a:rPr lang="en-US" dirty="0"/>
              <a:t>AHRQ-NIDDK Project Deliverables</a:t>
            </a:r>
          </a:p>
        </p:txBody>
      </p:sp>
      <p:sp>
        <p:nvSpPr>
          <p:cNvPr id="5" name="Content Placeholder 4">
            <a:extLst>
              <a:ext uri="{FF2B5EF4-FFF2-40B4-BE49-F238E27FC236}">
                <a16:creationId xmlns:a16="http://schemas.microsoft.com/office/drawing/2014/main" id="{22BACA9B-D95C-AF49-8AC0-0B3314D511B9}"/>
              </a:ext>
            </a:extLst>
          </p:cNvPr>
          <p:cNvSpPr>
            <a:spLocks noGrp="1"/>
          </p:cNvSpPr>
          <p:nvPr>
            <p:ph idx="1"/>
          </p:nvPr>
        </p:nvSpPr>
        <p:spPr>
          <a:xfrm>
            <a:off x="609600" y="1280160"/>
            <a:ext cx="10972800" cy="5058647"/>
          </a:xfrm>
        </p:spPr>
        <p:txBody>
          <a:bodyPr>
            <a:noAutofit/>
          </a:bodyPr>
          <a:lstStyle/>
          <a:p>
            <a:pPr marL="457200" indent="-457200">
              <a:spcAft>
                <a:spcPts val="1200"/>
              </a:spcAft>
              <a:buFont typeface="+mj-lt"/>
              <a:buAutoNum type="arabicPeriod"/>
            </a:pPr>
            <a:r>
              <a:rPr lang="en-US" sz="2400" b="1" dirty="0"/>
              <a:t>Multiple chronic conditions (MCC) Data elements, clinical information models (CIM), and FHIR mappings </a:t>
            </a:r>
            <a:r>
              <a:rPr lang="en-US" sz="2400" dirty="0"/>
              <a:t>to enable standardized transfer of data across health settings for</a:t>
            </a:r>
            <a:r>
              <a:rPr lang="en-US" sz="2400" b="1" dirty="0"/>
              <a:t> </a:t>
            </a:r>
            <a:r>
              <a:rPr lang="en-US" sz="2400" dirty="0"/>
              <a:t>kidney disease, diabetes, cardiovascular disease &amp; chronic pain </a:t>
            </a:r>
          </a:p>
          <a:p>
            <a:pPr marL="457200" indent="-457200">
              <a:spcAft>
                <a:spcPts val="1200"/>
              </a:spcAft>
              <a:buFont typeface="+mj-lt"/>
              <a:buAutoNum type="arabicPeriod"/>
            </a:pPr>
            <a:r>
              <a:rPr lang="en-US" sz="2400" b="1" dirty="0"/>
              <a:t>Pilot tested </a:t>
            </a:r>
            <a:r>
              <a:rPr lang="en-US" sz="2400" b="1" u="sng" dirty="0"/>
              <a:t>patient- and clinician-facing </a:t>
            </a:r>
            <a:r>
              <a:rPr lang="en-US" sz="2400" b="1" dirty="0"/>
              <a:t>e-care plan applications </a:t>
            </a:r>
            <a:r>
              <a:rPr lang="en-US" sz="2400" dirty="0"/>
              <a:t>that integrate with the EHR to pull, share &amp; display key patient data</a:t>
            </a:r>
          </a:p>
          <a:p>
            <a:pPr marL="457200" indent="-457200">
              <a:spcAft>
                <a:spcPts val="1200"/>
              </a:spcAft>
              <a:buFont typeface="+mj-lt"/>
              <a:buAutoNum type="arabicPeriod"/>
            </a:pPr>
            <a:r>
              <a:rPr lang="en-US" sz="2400" b="1" dirty="0"/>
              <a:t>HL7® Fast Health Interoperability Resource (FHIR®) Implementation Guide </a:t>
            </a:r>
            <a:r>
              <a:rPr lang="en-US" sz="2400" dirty="0"/>
              <a:t>based on defined use cases and MCC data elements, balloted for trial use </a:t>
            </a:r>
            <a:r>
              <a:rPr lang="en-US" sz="2000" dirty="0">
                <a:solidFill>
                  <a:srgbClr val="FF0000"/>
                </a:solidFill>
              </a:rPr>
              <a:t>	</a:t>
            </a:r>
            <a:endParaRPr lang="en-US" sz="2400" dirty="0"/>
          </a:p>
          <a:p>
            <a:pPr marL="0" indent="0">
              <a:spcAft>
                <a:spcPts val="1200"/>
              </a:spcAft>
              <a:buNone/>
            </a:pPr>
            <a:r>
              <a:rPr lang="en-US" sz="2400" dirty="0"/>
              <a:t>* All deliverables will be open-source &amp; freely available</a:t>
            </a:r>
          </a:p>
        </p:txBody>
      </p:sp>
    </p:spTree>
    <p:extLst>
      <p:ext uri="{BB962C8B-B14F-4D97-AF65-F5344CB8AC3E}">
        <p14:creationId xmlns:p14="http://schemas.microsoft.com/office/powerpoint/2010/main" val="174845014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9DB44522-DC9A-6E45-986D-07DF9A36A648}"/>
              </a:ext>
            </a:extLst>
          </p:cNvPr>
          <p:cNvSpPr>
            <a:spLocks noGrp="1"/>
          </p:cNvSpPr>
          <p:nvPr>
            <p:ph type="title" idx="4294967295"/>
          </p:nvPr>
        </p:nvSpPr>
        <p:spPr>
          <a:xfrm>
            <a:off x="0" y="236538"/>
            <a:ext cx="10972800" cy="681037"/>
          </a:xfrm>
        </p:spPr>
        <p:txBody>
          <a:bodyPr>
            <a:normAutofit fontScale="90000"/>
          </a:bodyPr>
          <a:lstStyle/>
          <a:p>
            <a:r>
              <a:rPr lang="en-US" dirty="0"/>
              <a:t>MCC  Plan Roadmap for Sept 19 –Sept 20</a:t>
            </a:r>
          </a:p>
        </p:txBody>
      </p:sp>
      <p:sp>
        <p:nvSpPr>
          <p:cNvPr id="181" name="Rectangle 180">
            <a:extLst>
              <a:ext uri="{FF2B5EF4-FFF2-40B4-BE49-F238E27FC236}">
                <a16:creationId xmlns:a16="http://schemas.microsoft.com/office/drawing/2014/main" id="{B23B90B5-C2CD-B64E-89EF-C69CA40AAC7C}"/>
              </a:ext>
            </a:extLst>
          </p:cNvPr>
          <p:cNvSpPr/>
          <p:nvPr/>
        </p:nvSpPr>
        <p:spPr>
          <a:xfrm>
            <a:off x="8078465" y="5579869"/>
            <a:ext cx="4120284" cy="117403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a:ea typeface="+mn-ea"/>
              <a:cs typeface="+mn-cs"/>
            </a:endParaRPr>
          </a:p>
        </p:txBody>
      </p:sp>
      <p:grpSp>
        <p:nvGrpSpPr>
          <p:cNvPr id="236" name="Group 235">
            <a:extLst>
              <a:ext uri="{FF2B5EF4-FFF2-40B4-BE49-F238E27FC236}">
                <a16:creationId xmlns:a16="http://schemas.microsoft.com/office/drawing/2014/main" id="{67A1F89D-0537-0349-A0B2-A53D5C62D47A}"/>
              </a:ext>
            </a:extLst>
          </p:cNvPr>
          <p:cNvGrpSpPr/>
          <p:nvPr/>
        </p:nvGrpSpPr>
        <p:grpSpPr>
          <a:xfrm>
            <a:off x="0" y="917231"/>
            <a:ext cx="12198749" cy="6047992"/>
            <a:chOff x="72025" y="488519"/>
            <a:chExt cx="11949728" cy="6381566"/>
          </a:xfrm>
        </p:grpSpPr>
        <p:sp>
          <p:nvSpPr>
            <p:cNvPr id="237" name="Rectangle 236">
              <a:extLst>
                <a:ext uri="{FF2B5EF4-FFF2-40B4-BE49-F238E27FC236}">
                  <a16:creationId xmlns:a16="http://schemas.microsoft.com/office/drawing/2014/main" id="{0766F7DA-44B9-AE40-A56B-DC9E435A9090}"/>
                </a:ext>
              </a:extLst>
            </p:cNvPr>
            <p:cNvSpPr/>
            <p:nvPr/>
          </p:nvSpPr>
          <p:spPr>
            <a:xfrm>
              <a:off x="299622" y="922377"/>
              <a:ext cx="11313258" cy="1122050"/>
            </a:xfrm>
            <a:prstGeom prst="rect">
              <a:avLst/>
            </a:prstGeom>
            <a:solidFill>
              <a:srgbClr val="526DB0">
                <a:lumMod val="20000"/>
                <a:lumOff val="80000"/>
                <a:alpha val="20000"/>
              </a:srgbClr>
            </a:solidFill>
            <a:ln w="12700" cap="flat" cmpd="sng" algn="ctr">
              <a:noFill/>
              <a:prstDash val="solid"/>
            </a:ln>
            <a:effectLst/>
          </p:spPr>
          <p:txBody>
            <a:bodyPr lIns="45720" rIns="45720" anchor="ctr"/>
            <a:lstStyle/>
            <a:p>
              <a:pPr marL="0" marR="0" lvl="0" indent="0" algn="ctr" defTabSz="914400" rtl="0" eaLnBrk="1" fontAlgn="auto" latinLnBrk="0" hangingPunct="1">
                <a:lnSpc>
                  <a:spcPct val="100000"/>
                </a:lnSpc>
                <a:spcBef>
                  <a:spcPct val="2000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Calibri"/>
                <a:ea typeface="+mn-ea"/>
                <a:cs typeface="+mn-cs"/>
              </a:endParaRPr>
            </a:p>
          </p:txBody>
        </p:sp>
        <p:sp>
          <p:nvSpPr>
            <p:cNvPr id="238" name="Rectangle 237">
              <a:extLst>
                <a:ext uri="{FF2B5EF4-FFF2-40B4-BE49-F238E27FC236}">
                  <a16:creationId xmlns:a16="http://schemas.microsoft.com/office/drawing/2014/main" id="{F93CAA57-9B7C-D44D-81F6-854B081C484B}"/>
                </a:ext>
              </a:extLst>
            </p:cNvPr>
            <p:cNvSpPr/>
            <p:nvPr/>
          </p:nvSpPr>
          <p:spPr>
            <a:xfrm>
              <a:off x="299622" y="5568466"/>
              <a:ext cx="11333312" cy="1208132"/>
            </a:xfrm>
            <a:prstGeom prst="rect">
              <a:avLst/>
            </a:prstGeom>
            <a:solidFill>
              <a:srgbClr val="D1282E">
                <a:lumMod val="20000"/>
                <a:lumOff val="80000"/>
                <a:alpha val="20000"/>
              </a:srgbClr>
            </a:solidFill>
            <a:ln w="12700" cap="flat" cmpd="sng" algn="ctr">
              <a:noFill/>
              <a:prstDash val="solid"/>
            </a:ln>
            <a:effectLst/>
          </p:spPr>
          <p:txBody>
            <a:bodyPr lIns="45720" rIns="45720" anchor="ctr"/>
            <a:lstStyle/>
            <a:p>
              <a:pPr marL="0" marR="0" lvl="0" indent="0" algn="ctr" defTabSz="914400" rtl="0" eaLnBrk="1" fontAlgn="auto" latinLnBrk="0" hangingPunct="1">
                <a:lnSpc>
                  <a:spcPct val="100000"/>
                </a:lnSpc>
                <a:spcBef>
                  <a:spcPct val="2000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Calibri"/>
                <a:ea typeface="+mn-ea"/>
                <a:cs typeface="+mn-cs"/>
              </a:endParaRPr>
            </a:p>
          </p:txBody>
        </p:sp>
        <p:graphicFrame>
          <p:nvGraphicFramePr>
            <p:cNvPr id="239" name="Diagram 238">
              <a:extLst>
                <a:ext uri="{FF2B5EF4-FFF2-40B4-BE49-F238E27FC236}">
                  <a16:creationId xmlns:a16="http://schemas.microsoft.com/office/drawing/2014/main" id="{29970466-1344-4643-979C-903BC63D59FA}"/>
                </a:ext>
              </a:extLst>
            </p:cNvPr>
            <p:cNvGraphicFramePr/>
            <p:nvPr/>
          </p:nvGraphicFramePr>
          <p:xfrm>
            <a:off x="299622" y="488519"/>
            <a:ext cx="11577810" cy="40011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40" name="TextBox 169">
              <a:extLst>
                <a:ext uri="{FF2B5EF4-FFF2-40B4-BE49-F238E27FC236}">
                  <a16:creationId xmlns:a16="http://schemas.microsoft.com/office/drawing/2014/main" id="{A7C9593D-46E0-2944-B637-F87BC441C594}"/>
                </a:ext>
              </a:extLst>
            </p:cNvPr>
            <p:cNvSpPr txBox="1">
              <a:spLocks noChangeArrowheads="1"/>
            </p:cNvSpPr>
            <p:nvPr/>
          </p:nvSpPr>
          <p:spPr bwMode="auto">
            <a:xfrm rot="16200000">
              <a:off x="-140564" y="5962621"/>
              <a:ext cx="1476375" cy="338554"/>
            </a:xfrm>
            <a:prstGeom prst="rect">
              <a:avLst/>
            </a:prstGeom>
            <a:noFill/>
            <a:ln w="9525">
              <a:noFill/>
              <a:miter lim="800000"/>
              <a:headEnd/>
              <a:tailEnd/>
            </a:ln>
          </p:spPr>
          <p:txBody>
            <a:bodyPr>
              <a:spAutoFit/>
            </a:bodyPr>
            <a:lstStyle/>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n-US" sz="1600" b="1" i="0" u="none" strike="noStrike" kern="0" cap="none" spc="0" normalizeH="0" baseline="0" noProof="0" dirty="0">
                  <a:ln>
                    <a:noFill/>
                  </a:ln>
                  <a:solidFill>
                    <a:srgbClr val="DC5924">
                      <a:lumMod val="50000"/>
                    </a:srgbClr>
                  </a:solidFill>
                  <a:effectLst/>
                  <a:uLnTx/>
                  <a:uFillTx/>
                  <a:latin typeface="Arial Narrow" pitchFamily="34" charset="0"/>
                  <a:ea typeface="+mn-ea"/>
                  <a:cs typeface="Arial" pitchFamily="34" charset="0"/>
                </a:rPr>
                <a:t>MILESTONES</a:t>
              </a:r>
            </a:p>
          </p:txBody>
        </p:sp>
        <p:sp>
          <p:nvSpPr>
            <p:cNvPr id="241" name="Rectangle 58">
              <a:extLst>
                <a:ext uri="{FF2B5EF4-FFF2-40B4-BE49-F238E27FC236}">
                  <a16:creationId xmlns:a16="http://schemas.microsoft.com/office/drawing/2014/main" id="{BA099FC1-E502-2941-A31A-704150EBAC36}"/>
                </a:ext>
              </a:extLst>
            </p:cNvPr>
            <p:cNvSpPr>
              <a:spLocks noChangeArrowheads="1"/>
            </p:cNvSpPr>
            <p:nvPr/>
          </p:nvSpPr>
          <p:spPr bwMode="auto">
            <a:xfrm>
              <a:off x="1576133" y="954630"/>
              <a:ext cx="2735776" cy="323165"/>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prstClr val="black"/>
                  </a:solidFill>
                  <a:effectLst/>
                  <a:uLnTx/>
                  <a:uFillTx/>
                  <a:latin typeface="Arial Narrow" pitchFamily="34" charset="0"/>
                  <a:ea typeface="+mn-ea"/>
                  <a:cs typeface="+mn-cs"/>
                </a:rPr>
                <a:t>Identify Candidate CIMS</a:t>
              </a:r>
            </a:p>
          </p:txBody>
        </p:sp>
        <p:cxnSp>
          <p:nvCxnSpPr>
            <p:cNvPr id="242" name="Straight Connector 241">
              <a:extLst>
                <a:ext uri="{FF2B5EF4-FFF2-40B4-BE49-F238E27FC236}">
                  <a16:creationId xmlns:a16="http://schemas.microsoft.com/office/drawing/2014/main" id="{2C30B943-CA59-AA46-8F38-DB9E77A39EFD}"/>
                </a:ext>
              </a:extLst>
            </p:cNvPr>
            <p:cNvCxnSpPr>
              <a:cxnSpLocks/>
            </p:cNvCxnSpPr>
            <p:nvPr/>
          </p:nvCxnSpPr>
          <p:spPr>
            <a:xfrm flipV="1">
              <a:off x="1666680" y="1260963"/>
              <a:ext cx="2143320" cy="9116"/>
            </a:xfrm>
            <a:prstGeom prst="line">
              <a:avLst/>
            </a:prstGeom>
            <a:noFill/>
            <a:ln w="50800" cap="flat" cmpd="sng" algn="ctr">
              <a:solidFill>
                <a:srgbClr val="526DB0"/>
              </a:solidFill>
              <a:prstDash val="solid"/>
              <a:headEnd type="oval" w="sm" len="sm"/>
              <a:tailEnd type="oval" w="sm" len="sm"/>
            </a:ln>
            <a:effectLst/>
          </p:spPr>
        </p:cxnSp>
        <p:cxnSp>
          <p:nvCxnSpPr>
            <p:cNvPr id="243" name="Straight Connector 242">
              <a:extLst>
                <a:ext uri="{FF2B5EF4-FFF2-40B4-BE49-F238E27FC236}">
                  <a16:creationId xmlns:a16="http://schemas.microsoft.com/office/drawing/2014/main" id="{D9D15B99-BEC8-6549-9A38-03A6D1C54C6C}"/>
                </a:ext>
              </a:extLst>
            </p:cNvPr>
            <p:cNvCxnSpPr>
              <a:cxnSpLocks/>
            </p:cNvCxnSpPr>
            <p:nvPr/>
          </p:nvCxnSpPr>
          <p:spPr>
            <a:xfrm>
              <a:off x="3690136" y="1564847"/>
              <a:ext cx="2908784" cy="5212"/>
            </a:xfrm>
            <a:prstGeom prst="line">
              <a:avLst/>
            </a:prstGeom>
            <a:noFill/>
            <a:ln w="50800" cap="flat" cmpd="sng" algn="ctr">
              <a:solidFill>
                <a:srgbClr val="526DB0"/>
              </a:solidFill>
              <a:prstDash val="solid"/>
              <a:headEnd type="oval" w="sm" len="sm"/>
              <a:tailEnd type="oval" w="sm" len="sm"/>
            </a:ln>
            <a:effectLst/>
          </p:spPr>
        </p:cxnSp>
        <p:sp>
          <p:nvSpPr>
            <p:cNvPr id="244" name="Rectangle 243">
              <a:extLst>
                <a:ext uri="{FF2B5EF4-FFF2-40B4-BE49-F238E27FC236}">
                  <a16:creationId xmlns:a16="http://schemas.microsoft.com/office/drawing/2014/main" id="{900C92D8-B9E3-824C-9D9E-EE39962F0AE9}"/>
                </a:ext>
              </a:extLst>
            </p:cNvPr>
            <p:cNvSpPr>
              <a:spLocks noChangeArrowheads="1"/>
            </p:cNvSpPr>
            <p:nvPr/>
          </p:nvSpPr>
          <p:spPr bwMode="auto">
            <a:xfrm>
              <a:off x="3954272" y="1260963"/>
              <a:ext cx="2755900" cy="323165"/>
            </a:xfrm>
            <a:prstGeom prst="rect">
              <a:avLst/>
            </a:prstGeom>
            <a:noFill/>
            <a:ln w="9525">
              <a:noFill/>
              <a:miter lim="800000"/>
              <a:headEnd/>
              <a:tailEnd/>
            </a:ln>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prstClr val="black"/>
                  </a:solidFill>
                  <a:effectLst/>
                  <a:uLnTx/>
                  <a:uFillTx/>
                  <a:latin typeface="Arial Narrow" pitchFamily="34" charset="0"/>
                  <a:ea typeface="+mn-ea"/>
                  <a:cs typeface="+mn-cs"/>
                </a:rPr>
                <a:t>Conduct CIM Gap Analysis</a:t>
              </a:r>
            </a:p>
          </p:txBody>
        </p:sp>
        <p:sp>
          <p:nvSpPr>
            <p:cNvPr id="245" name="TextBox 169">
              <a:extLst>
                <a:ext uri="{FF2B5EF4-FFF2-40B4-BE49-F238E27FC236}">
                  <a16:creationId xmlns:a16="http://schemas.microsoft.com/office/drawing/2014/main" id="{75D1792E-5390-F944-8364-6024371796DD}"/>
                </a:ext>
              </a:extLst>
            </p:cNvPr>
            <p:cNvSpPr txBox="1">
              <a:spLocks noChangeArrowheads="1"/>
            </p:cNvSpPr>
            <p:nvPr/>
          </p:nvSpPr>
          <p:spPr bwMode="auto">
            <a:xfrm rot="16200000">
              <a:off x="164799" y="1220335"/>
              <a:ext cx="716766" cy="338554"/>
            </a:xfrm>
            <a:prstGeom prst="rect">
              <a:avLst/>
            </a:prstGeom>
            <a:no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n-US" sz="1600" b="1" i="0" u="none" strike="noStrike" kern="0" cap="none" spc="0" normalizeH="0" baseline="0" noProof="0" dirty="0">
                  <a:ln>
                    <a:noFill/>
                  </a:ln>
                  <a:solidFill>
                    <a:srgbClr val="D1282E">
                      <a:lumMod val="50000"/>
                    </a:srgbClr>
                  </a:solidFill>
                  <a:effectLst/>
                  <a:uLnTx/>
                  <a:uFillTx/>
                  <a:latin typeface="Arial Narrow" pitchFamily="34" charset="0"/>
                  <a:ea typeface="+mn-ea"/>
                  <a:cs typeface="Arial" pitchFamily="34" charset="0"/>
                </a:rPr>
                <a:t>CIMs</a:t>
              </a:r>
            </a:p>
          </p:txBody>
        </p:sp>
        <p:sp>
          <p:nvSpPr>
            <p:cNvPr id="246" name="Isosceles Triangle 60">
              <a:extLst>
                <a:ext uri="{FF2B5EF4-FFF2-40B4-BE49-F238E27FC236}">
                  <a16:creationId xmlns:a16="http://schemas.microsoft.com/office/drawing/2014/main" id="{1D353A9E-B2F8-BE4D-A961-AF46A730E6D4}"/>
                </a:ext>
              </a:extLst>
            </p:cNvPr>
            <p:cNvSpPr/>
            <p:nvPr/>
          </p:nvSpPr>
          <p:spPr>
            <a:xfrm>
              <a:off x="1043966" y="5638956"/>
              <a:ext cx="160338" cy="161925"/>
            </a:xfrm>
            <a:prstGeom prst="triangle">
              <a:avLst/>
            </a:prstGeom>
            <a:solidFill>
              <a:srgbClr val="C00000"/>
            </a:solidFill>
            <a:ln w="12700" cap="flat" cmpd="sng" algn="ctr">
              <a:noFill/>
              <a:prstDash val="solid"/>
            </a:ln>
            <a:effectLst/>
          </p:spPr>
          <p:txBody>
            <a:bodyPr lIns="45720" rIns="45720" anchor="ctr"/>
            <a:lstStyle/>
            <a:p>
              <a:pPr marL="0" marR="0" lvl="0" indent="0" algn="ctr" defTabSz="914400" rtl="0" eaLnBrk="1" fontAlgn="auto" latinLnBrk="0" hangingPunct="1">
                <a:lnSpc>
                  <a:spcPct val="100000"/>
                </a:lnSpc>
                <a:spcBef>
                  <a:spcPct val="20000"/>
                </a:spcBef>
                <a:spcAft>
                  <a:spcPts val="0"/>
                </a:spcAft>
                <a:buClrTx/>
                <a:buSzTx/>
                <a:buFontTx/>
                <a:buNone/>
                <a:tabLst/>
                <a:defRPr/>
              </a:pPr>
              <a:endParaRPr kumimoji="0" lang="en-US" sz="1500" b="0" i="0" u="none" strike="noStrike" kern="0" cap="none" spc="0" normalizeH="0" baseline="0" noProof="0" dirty="0">
                <a:ln>
                  <a:noFill/>
                </a:ln>
                <a:solidFill>
                  <a:srgbClr val="D1282E"/>
                </a:solidFill>
                <a:effectLst/>
                <a:uLnTx/>
                <a:uFillTx/>
                <a:latin typeface="Arial Narrow" pitchFamily="34" charset="0"/>
                <a:ea typeface="+mn-ea"/>
                <a:cs typeface="+mn-cs"/>
              </a:endParaRPr>
            </a:p>
          </p:txBody>
        </p:sp>
        <p:sp>
          <p:nvSpPr>
            <p:cNvPr id="247" name="Rectangle 49">
              <a:extLst>
                <a:ext uri="{FF2B5EF4-FFF2-40B4-BE49-F238E27FC236}">
                  <a16:creationId xmlns:a16="http://schemas.microsoft.com/office/drawing/2014/main" id="{A29028E0-91E2-8B45-ACE6-6363E7400D7D}"/>
                </a:ext>
              </a:extLst>
            </p:cNvPr>
            <p:cNvSpPr>
              <a:spLocks noChangeArrowheads="1"/>
            </p:cNvSpPr>
            <p:nvPr/>
          </p:nvSpPr>
          <p:spPr bwMode="auto">
            <a:xfrm>
              <a:off x="4441726" y="6079682"/>
              <a:ext cx="1397040" cy="584553"/>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Calibri" pitchFamily="34" charset="0"/>
                  <a:ea typeface="MS PGothic" pitchFamily="34" charset="-128"/>
                </a:defRPr>
              </a:lvl1pPr>
              <a:lvl2pPr marL="742950" indent="-285750" eaLnBrk="0" hangingPunct="0">
                <a:defRPr sz="2400">
                  <a:solidFill>
                    <a:schemeClr val="tx1"/>
                  </a:solidFill>
                  <a:latin typeface="Calibri" pitchFamily="34" charset="0"/>
                  <a:ea typeface="MS PGothic" pitchFamily="34" charset="-128"/>
                </a:defRPr>
              </a:lvl2pPr>
              <a:lvl3pPr marL="1143000" indent="-228600" eaLnBrk="0" hangingPunct="0">
                <a:defRPr sz="2400">
                  <a:solidFill>
                    <a:schemeClr val="tx1"/>
                  </a:solidFill>
                  <a:latin typeface="Calibri" pitchFamily="34" charset="0"/>
                  <a:ea typeface="MS PGothic" pitchFamily="34" charset="-128"/>
                </a:defRPr>
              </a:lvl3pPr>
              <a:lvl4pPr marL="1600200" indent="-228600" eaLnBrk="0" hangingPunct="0">
                <a:defRPr sz="2400">
                  <a:solidFill>
                    <a:schemeClr val="tx1"/>
                  </a:solidFill>
                  <a:latin typeface="Calibri" pitchFamily="34" charset="0"/>
                  <a:ea typeface="MS PGothic" pitchFamily="34" charset="-128"/>
                </a:defRPr>
              </a:lvl4pPr>
              <a:lvl5pPr marL="2057400" indent="-228600" eaLnBrk="0" hangingPunct="0">
                <a:defRPr sz="2400">
                  <a:solidFill>
                    <a:schemeClr val="tx1"/>
                  </a:solidFill>
                  <a:latin typeface="Calibri" pitchFamily="34" charset="0"/>
                  <a:ea typeface="MS PGothic" pitchFamily="34" charset="-128"/>
                </a:defRPr>
              </a:lvl5pPr>
              <a:lvl6pPr marL="2514600" indent="-228600" eaLnBrk="0" fontAlgn="base" hangingPunct="0">
                <a:spcBef>
                  <a:spcPct val="0"/>
                </a:spcBef>
                <a:spcAft>
                  <a:spcPct val="0"/>
                </a:spcAft>
                <a:defRPr sz="2400">
                  <a:solidFill>
                    <a:schemeClr val="tx1"/>
                  </a:solidFill>
                  <a:latin typeface="Calibri" pitchFamily="34" charset="0"/>
                  <a:ea typeface="MS PGothic" pitchFamily="34" charset="-128"/>
                </a:defRPr>
              </a:lvl6pPr>
              <a:lvl7pPr marL="2971800" indent="-228600" eaLnBrk="0" fontAlgn="base" hangingPunct="0">
                <a:spcBef>
                  <a:spcPct val="0"/>
                </a:spcBef>
                <a:spcAft>
                  <a:spcPct val="0"/>
                </a:spcAft>
                <a:defRPr sz="2400">
                  <a:solidFill>
                    <a:schemeClr val="tx1"/>
                  </a:solidFill>
                  <a:latin typeface="Calibri" pitchFamily="34" charset="0"/>
                  <a:ea typeface="MS PGothic" pitchFamily="34" charset="-128"/>
                </a:defRPr>
              </a:lvl7pPr>
              <a:lvl8pPr marL="3429000" indent="-228600" eaLnBrk="0" fontAlgn="base" hangingPunct="0">
                <a:spcBef>
                  <a:spcPct val="0"/>
                </a:spcBef>
                <a:spcAft>
                  <a:spcPct val="0"/>
                </a:spcAft>
                <a:defRPr sz="2400">
                  <a:solidFill>
                    <a:schemeClr val="tx1"/>
                  </a:solidFill>
                  <a:latin typeface="Calibri" pitchFamily="34" charset="0"/>
                  <a:ea typeface="MS PGothic" pitchFamily="34" charset="-128"/>
                </a:defRPr>
              </a:lvl8pPr>
              <a:lvl9pPr marL="3886200" indent="-228600" eaLnBrk="0" fontAlgn="base" hangingPunct="0">
                <a:spcBef>
                  <a:spcPct val="0"/>
                </a:spcBef>
                <a:spcAft>
                  <a:spcPct val="0"/>
                </a:spcAft>
                <a:defRPr sz="2400">
                  <a:solidFill>
                    <a:schemeClr val="tx1"/>
                  </a:solidFill>
                  <a:latin typeface="Calibri" pitchFamily="34" charset="0"/>
                  <a:ea typeface="MS PGothic" pitchFamily="34" charset="-128"/>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1500" b="1" i="0" u="none" strike="noStrike" kern="0" cap="none" spc="0" normalizeH="0" baseline="0" noProof="0" dirty="0">
                  <a:ln>
                    <a:noFill/>
                  </a:ln>
                  <a:solidFill>
                    <a:srgbClr val="D1282E"/>
                  </a:solidFill>
                  <a:effectLst/>
                  <a:uLnTx/>
                  <a:uFillTx/>
                  <a:latin typeface="Arial Narrow" pitchFamily="34" charset="0"/>
                  <a:ea typeface="MS PGothic" pitchFamily="34" charset="-128"/>
                  <a:cs typeface="Arial" pitchFamily="34" charset="0"/>
                </a:rPr>
                <a:t>HL7 PSS Due JAN 2020</a:t>
              </a:r>
            </a:p>
          </p:txBody>
        </p:sp>
        <p:sp>
          <p:nvSpPr>
            <p:cNvPr id="248" name="Rectangle 49">
              <a:extLst>
                <a:ext uri="{FF2B5EF4-FFF2-40B4-BE49-F238E27FC236}">
                  <a16:creationId xmlns:a16="http://schemas.microsoft.com/office/drawing/2014/main" id="{2085A766-9A13-BE4B-9E12-A0CCAAF704EA}"/>
                </a:ext>
              </a:extLst>
            </p:cNvPr>
            <p:cNvSpPr>
              <a:spLocks noChangeArrowheads="1"/>
            </p:cNvSpPr>
            <p:nvPr/>
          </p:nvSpPr>
          <p:spPr bwMode="auto">
            <a:xfrm>
              <a:off x="814031" y="5877847"/>
              <a:ext cx="1295400" cy="553998"/>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Calibri" pitchFamily="34" charset="0"/>
                  <a:ea typeface="MS PGothic" pitchFamily="34" charset="-128"/>
                </a:defRPr>
              </a:lvl1pPr>
              <a:lvl2pPr marL="742950" indent="-285750" eaLnBrk="0" hangingPunct="0">
                <a:defRPr sz="2400">
                  <a:solidFill>
                    <a:schemeClr val="tx1"/>
                  </a:solidFill>
                  <a:latin typeface="Calibri" pitchFamily="34" charset="0"/>
                  <a:ea typeface="MS PGothic" pitchFamily="34" charset="-128"/>
                </a:defRPr>
              </a:lvl2pPr>
              <a:lvl3pPr marL="1143000" indent="-228600" eaLnBrk="0" hangingPunct="0">
                <a:defRPr sz="2400">
                  <a:solidFill>
                    <a:schemeClr val="tx1"/>
                  </a:solidFill>
                  <a:latin typeface="Calibri" pitchFamily="34" charset="0"/>
                  <a:ea typeface="MS PGothic" pitchFamily="34" charset="-128"/>
                </a:defRPr>
              </a:lvl3pPr>
              <a:lvl4pPr marL="1600200" indent="-228600" eaLnBrk="0" hangingPunct="0">
                <a:defRPr sz="2400">
                  <a:solidFill>
                    <a:schemeClr val="tx1"/>
                  </a:solidFill>
                  <a:latin typeface="Calibri" pitchFamily="34" charset="0"/>
                  <a:ea typeface="MS PGothic" pitchFamily="34" charset="-128"/>
                </a:defRPr>
              </a:lvl4pPr>
              <a:lvl5pPr marL="2057400" indent="-228600" eaLnBrk="0" hangingPunct="0">
                <a:defRPr sz="2400">
                  <a:solidFill>
                    <a:schemeClr val="tx1"/>
                  </a:solidFill>
                  <a:latin typeface="Calibri" pitchFamily="34" charset="0"/>
                  <a:ea typeface="MS PGothic" pitchFamily="34" charset="-128"/>
                </a:defRPr>
              </a:lvl5pPr>
              <a:lvl6pPr marL="2514600" indent="-228600" eaLnBrk="0" fontAlgn="base" hangingPunct="0">
                <a:spcBef>
                  <a:spcPct val="0"/>
                </a:spcBef>
                <a:spcAft>
                  <a:spcPct val="0"/>
                </a:spcAft>
                <a:defRPr sz="2400">
                  <a:solidFill>
                    <a:schemeClr val="tx1"/>
                  </a:solidFill>
                  <a:latin typeface="Calibri" pitchFamily="34" charset="0"/>
                  <a:ea typeface="MS PGothic" pitchFamily="34" charset="-128"/>
                </a:defRPr>
              </a:lvl6pPr>
              <a:lvl7pPr marL="2971800" indent="-228600" eaLnBrk="0" fontAlgn="base" hangingPunct="0">
                <a:spcBef>
                  <a:spcPct val="0"/>
                </a:spcBef>
                <a:spcAft>
                  <a:spcPct val="0"/>
                </a:spcAft>
                <a:defRPr sz="2400">
                  <a:solidFill>
                    <a:schemeClr val="tx1"/>
                  </a:solidFill>
                  <a:latin typeface="Calibri" pitchFamily="34" charset="0"/>
                  <a:ea typeface="MS PGothic" pitchFamily="34" charset="-128"/>
                </a:defRPr>
              </a:lvl7pPr>
              <a:lvl8pPr marL="3429000" indent="-228600" eaLnBrk="0" fontAlgn="base" hangingPunct="0">
                <a:spcBef>
                  <a:spcPct val="0"/>
                </a:spcBef>
                <a:spcAft>
                  <a:spcPct val="0"/>
                </a:spcAft>
                <a:defRPr sz="2400">
                  <a:solidFill>
                    <a:schemeClr val="tx1"/>
                  </a:solidFill>
                  <a:latin typeface="Calibri" pitchFamily="34" charset="0"/>
                  <a:ea typeface="MS PGothic" pitchFamily="34" charset="-128"/>
                </a:defRPr>
              </a:lvl8pPr>
              <a:lvl9pPr marL="3886200" indent="-228600" eaLnBrk="0" fontAlgn="base" hangingPunct="0">
                <a:spcBef>
                  <a:spcPct val="0"/>
                </a:spcBef>
                <a:spcAft>
                  <a:spcPct val="0"/>
                </a:spcAft>
                <a:defRPr sz="2400">
                  <a:solidFill>
                    <a:schemeClr val="tx1"/>
                  </a:solidFill>
                  <a:latin typeface="Calibri" pitchFamily="34" charset="0"/>
                  <a:ea typeface="MS PGothic" pitchFamily="34" charset="-128"/>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1500" b="1" i="0" u="none" strike="noStrike" kern="0" cap="none" spc="0" normalizeH="0" baseline="0" noProof="0" dirty="0">
                  <a:ln>
                    <a:noFill/>
                  </a:ln>
                  <a:solidFill>
                    <a:srgbClr val="D1282E"/>
                  </a:solidFill>
                  <a:effectLst/>
                  <a:uLnTx/>
                  <a:uFillTx/>
                  <a:latin typeface="Arial Narrow" pitchFamily="34" charset="0"/>
                  <a:ea typeface="MS PGothic" pitchFamily="34" charset="-128"/>
                  <a:cs typeface="Arial" pitchFamily="34" charset="0"/>
                </a:rPr>
                <a:t>Project Kick-Off 20190923</a:t>
              </a:r>
            </a:p>
          </p:txBody>
        </p:sp>
        <p:cxnSp>
          <p:nvCxnSpPr>
            <p:cNvPr id="249" name="Straight Connector 248">
              <a:extLst>
                <a:ext uri="{FF2B5EF4-FFF2-40B4-BE49-F238E27FC236}">
                  <a16:creationId xmlns:a16="http://schemas.microsoft.com/office/drawing/2014/main" id="{156D6E3A-86BD-1449-A7F5-4692CF3FF8FD}"/>
                </a:ext>
              </a:extLst>
            </p:cNvPr>
            <p:cNvCxnSpPr>
              <a:cxnSpLocks/>
            </p:cNvCxnSpPr>
            <p:nvPr/>
          </p:nvCxnSpPr>
          <p:spPr>
            <a:xfrm flipH="1">
              <a:off x="1124135" y="888630"/>
              <a:ext cx="10062" cy="4912251"/>
            </a:xfrm>
            <a:prstGeom prst="line">
              <a:avLst/>
            </a:prstGeom>
            <a:noFill/>
            <a:ln w="9525" cap="flat" cmpd="sng" algn="ctr">
              <a:solidFill>
                <a:srgbClr val="C00000"/>
              </a:solidFill>
              <a:prstDash val="dash"/>
            </a:ln>
            <a:effectLst/>
          </p:spPr>
        </p:cxnSp>
        <p:sp>
          <p:nvSpPr>
            <p:cNvPr id="250" name="Isosceles Triangle 87">
              <a:extLst>
                <a:ext uri="{FF2B5EF4-FFF2-40B4-BE49-F238E27FC236}">
                  <a16:creationId xmlns:a16="http://schemas.microsoft.com/office/drawing/2014/main" id="{A7A028F3-690E-D645-8CC4-3124AC7B14AC}"/>
                </a:ext>
              </a:extLst>
            </p:cNvPr>
            <p:cNvSpPr/>
            <p:nvPr/>
          </p:nvSpPr>
          <p:spPr>
            <a:xfrm>
              <a:off x="5051921" y="5897343"/>
              <a:ext cx="160338" cy="161925"/>
            </a:xfrm>
            <a:prstGeom prst="triangle">
              <a:avLst/>
            </a:prstGeom>
            <a:solidFill>
              <a:srgbClr val="C00000"/>
            </a:solidFill>
            <a:ln w="12700" cap="flat" cmpd="sng" algn="ctr">
              <a:noFill/>
              <a:prstDash val="solid"/>
            </a:ln>
            <a:effectLst/>
          </p:spPr>
          <p:txBody>
            <a:bodyPr lIns="45720" rIns="45720" anchor="ctr"/>
            <a:lstStyle/>
            <a:p>
              <a:pPr marL="0" marR="0" lvl="0" indent="0" algn="ctr" defTabSz="914400" rtl="0" eaLnBrk="1" fontAlgn="auto" latinLnBrk="0" hangingPunct="1">
                <a:lnSpc>
                  <a:spcPct val="100000"/>
                </a:lnSpc>
                <a:spcBef>
                  <a:spcPct val="20000"/>
                </a:spcBef>
                <a:spcAft>
                  <a:spcPts val="0"/>
                </a:spcAft>
                <a:buClrTx/>
                <a:buSzTx/>
                <a:buFontTx/>
                <a:buNone/>
                <a:tabLst/>
                <a:defRPr/>
              </a:pPr>
              <a:endParaRPr kumimoji="0" lang="en-US" sz="1500" b="0" i="0" u="none" strike="noStrike" kern="0" cap="none" spc="0" normalizeH="0" baseline="0" noProof="0" dirty="0">
                <a:ln>
                  <a:noFill/>
                </a:ln>
                <a:solidFill>
                  <a:srgbClr val="D1282E"/>
                </a:solidFill>
                <a:effectLst/>
                <a:uLnTx/>
                <a:uFillTx/>
                <a:latin typeface="Arial Narrow" pitchFamily="34" charset="0"/>
                <a:ea typeface="+mn-ea"/>
                <a:cs typeface="+mn-cs"/>
              </a:endParaRPr>
            </a:p>
          </p:txBody>
        </p:sp>
        <p:sp>
          <p:nvSpPr>
            <p:cNvPr id="251" name="Rectangle 49">
              <a:extLst>
                <a:ext uri="{FF2B5EF4-FFF2-40B4-BE49-F238E27FC236}">
                  <a16:creationId xmlns:a16="http://schemas.microsoft.com/office/drawing/2014/main" id="{BCDD2237-4458-6B47-A97C-BF6A811447CB}"/>
                </a:ext>
              </a:extLst>
            </p:cNvPr>
            <p:cNvSpPr>
              <a:spLocks noChangeArrowheads="1"/>
            </p:cNvSpPr>
            <p:nvPr/>
          </p:nvSpPr>
          <p:spPr bwMode="auto">
            <a:xfrm>
              <a:off x="5633294" y="5548052"/>
              <a:ext cx="2757836" cy="340989"/>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Calibri" pitchFamily="34" charset="0"/>
                  <a:ea typeface="MS PGothic" pitchFamily="34" charset="-128"/>
                </a:defRPr>
              </a:lvl1pPr>
              <a:lvl2pPr marL="742950" indent="-285750" eaLnBrk="0" hangingPunct="0">
                <a:defRPr sz="2400">
                  <a:solidFill>
                    <a:schemeClr val="tx1"/>
                  </a:solidFill>
                  <a:latin typeface="Calibri" pitchFamily="34" charset="0"/>
                  <a:ea typeface="MS PGothic" pitchFamily="34" charset="-128"/>
                </a:defRPr>
              </a:lvl2pPr>
              <a:lvl3pPr marL="1143000" indent="-228600" eaLnBrk="0" hangingPunct="0">
                <a:defRPr sz="2400">
                  <a:solidFill>
                    <a:schemeClr val="tx1"/>
                  </a:solidFill>
                  <a:latin typeface="Calibri" pitchFamily="34" charset="0"/>
                  <a:ea typeface="MS PGothic" pitchFamily="34" charset="-128"/>
                </a:defRPr>
              </a:lvl3pPr>
              <a:lvl4pPr marL="1600200" indent="-228600" eaLnBrk="0" hangingPunct="0">
                <a:defRPr sz="2400">
                  <a:solidFill>
                    <a:schemeClr val="tx1"/>
                  </a:solidFill>
                  <a:latin typeface="Calibri" pitchFamily="34" charset="0"/>
                  <a:ea typeface="MS PGothic" pitchFamily="34" charset="-128"/>
                </a:defRPr>
              </a:lvl4pPr>
              <a:lvl5pPr marL="2057400" indent="-228600" eaLnBrk="0" hangingPunct="0">
                <a:defRPr sz="2400">
                  <a:solidFill>
                    <a:schemeClr val="tx1"/>
                  </a:solidFill>
                  <a:latin typeface="Calibri" pitchFamily="34" charset="0"/>
                  <a:ea typeface="MS PGothic" pitchFamily="34" charset="-128"/>
                </a:defRPr>
              </a:lvl5pPr>
              <a:lvl6pPr marL="2514600" indent="-228600" eaLnBrk="0" fontAlgn="base" hangingPunct="0">
                <a:spcBef>
                  <a:spcPct val="0"/>
                </a:spcBef>
                <a:spcAft>
                  <a:spcPct val="0"/>
                </a:spcAft>
                <a:defRPr sz="2400">
                  <a:solidFill>
                    <a:schemeClr val="tx1"/>
                  </a:solidFill>
                  <a:latin typeface="Calibri" pitchFamily="34" charset="0"/>
                  <a:ea typeface="MS PGothic" pitchFamily="34" charset="-128"/>
                </a:defRPr>
              </a:lvl6pPr>
              <a:lvl7pPr marL="2971800" indent="-228600" eaLnBrk="0" fontAlgn="base" hangingPunct="0">
                <a:spcBef>
                  <a:spcPct val="0"/>
                </a:spcBef>
                <a:spcAft>
                  <a:spcPct val="0"/>
                </a:spcAft>
                <a:defRPr sz="2400">
                  <a:solidFill>
                    <a:schemeClr val="tx1"/>
                  </a:solidFill>
                  <a:latin typeface="Calibri" pitchFamily="34" charset="0"/>
                  <a:ea typeface="MS PGothic" pitchFamily="34" charset="-128"/>
                </a:defRPr>
              </a:lvl7pPr>
              <a:lvl8pPr marL="3429000" indent="-228600" eaLnBrk="0" fontAlgn="base" hangingPunct="0">
                <a:spcBef>
                  <a:spcPct val="0"/>
                </a:spcBef>
                <a:spcAft>
                  <a:spcPct val="0"/>
                </a:spcAft>
                <a:defRPr sz="2400">
                  <a:solidFill>
                    <a:schemeClr val="tx1"/>
                  </a:solidFill>
                  <a:latin typeface="Calibri" pitchFamily="34" charset="0"/>
                  <a:ea typeface="MS PGothic" pitchFamily="34" charset="-128"/>
                </a:defRPr>
              </a:lvl8pPr>
              <a:lvl9pPr marL="3886200" indent="-228600" eaLnBrk="0" fontAlgn="base" hangingPunct="0">
                <a:spcBef>
                  <a:spcPct val="0"/>
                </a:spcBef>
                <a:spcAft>
                  <a:spcPct val="0"/>
                </a:spcAft>
                <a:defRPr sz="2400">
                  <a:solidFill>
                    <a:schemeClr val="tx1"/>
                  </a:solidFill>
                  <a:latin typeface="Calibri" pitchFamily="34" charset="0"/>
                  <a:ea typeface="MS PGothic" pitchFamily="34" charset="-128"/>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1500" b="1" i="0" u="none" strike="noStrike" kern="0" cap="none" spc="0" normalizeH="0" baseline="0" noProof="0" dirty="0">
                  <a:ln>
                    <a:noFill/>
                  </a:ln>
                  <a:solidFill>
                    <a:srgbClr val="D1282E"/>
                  </a:solidFill>
                  <a:effectLst/>
                  <a:uLnTx/>
                  <a:uFillTx/>
                  <a:latin typeface="Arial Narrow" pitchFamily="34" charset="0"/>
                  <a:ea typeface="MS PGothic" pitchFamily="34" charset="-128"/>
                  <a:cs typeface="Arial" pitchFamily="34" charset="0"/>
                </a:rPr>
                <a:t>HL7 May FHIR Connectathon</a:t>
              </a:r>
            </a:p>
          </p:txBody>
        </p:sp>
        <p:sp>
          <p:nvSpPr>
            <p:cNvPr id="252" name="Isosceles Triangle 84">
              <a:extLst>
                <a:ext uri="{FF2B5EF4-FFF2-40B4-BE49-F238E27FC236}">
                  <a16:creationId xmlns:a16="http://schemas.microsoft.com/office/drawing/2014/main" id="{497B4EA2-0100-3D4F-A215-785C3499F0C0}"/>
                </a:ext>
              </a:extLst>
            </p:cNvPr>
            <p:cNvSpPr/>
            <p:nvPr/>
          </p:nvSpPr>
          <p:spPr>
            <a:xfrm>
              <a:off x="11433717" y="5895316"/>
              <a:ext cx="160338" cy="161925"/>
            </a:xfrm>
            <a:prstGeom prst="triangle">
              <a:avLst/>
            </a:prstGeom>
            <a:solidFill>
              <a:srgbClr val="C00000"/>
            </a:solidFill>
            <a:ln w="12700" cap="flat" cmpd="sng" algn="ctr">
              <a:noFill/>
              <a:prstDash val="solid"/>
            </a:ln>
            <a:effectLst/>
          </p:spPr>
          <p:txBody>
            <a:bodyPr lIns="45720" rIns="45720" anchor="ctr"/>
            <a:lstStyle/>
            <a:p>
              <a:pPr marL="0" marR="0" lvl="0" indent="0" algn="ctr" defTabSz="914400" rtl="0" eaLnBrk="1" fontAlgn="auto" latinLnBrk="0" hangingPunct="1">
                <a:lnSpc>
                  <a:spcPct val="100000"/>
                </a:lnSpc>
                <a:spcBef>
                  <a:spcPct val="20000"/>
                </a:spcBef>
                <a:spcAft>
                  <a:spcPts val="0"/>
                </a:spcAft>
                <a:buClrTx/>
                <a:buSzTx/>
                <a:buFontTx/>
                <a:buNone/>
                <a:tabLst/>
                <a:defRPr/>
              </a:pPr>
              <a:endParaRPr kumimoji="0" lang="en-US" sz="1500" b="0" i="0" u="none" strike="noStrike" kern="0" cap="none" spc="0" normalizeH="0" baseline="0" noProof="0" dirty="0">
                <a:ln>
                  <a:noFill/>
                </a:ln>
                <a:solidFill>
                  <a:srgbClr val="D1282E"/>
                </a:solidFill>
                <a:effectLst/>
                <a:uLnTx/>
                <a:uFillTx/>
                <a:latin typeface="Arial Narrow" pitchFamily="34" charset="0"/>
                <a:ea typeface="+mn-ea"/>
                <a:cs typeface="+mn-cs"/>
              </a:endParaRPr>
            </a:p>
          </p:txBody>
        </p:sp>
        <p:sp>
          <p:nvSpPr>
            <p:cNvPr id="253" name="TextBox 169">
              <a:extLst>
                <a:ext uri="{FF2B5EF4-FFF2-40B4-BE49-F238E27FC236}">
                  <a16:creationId xmlns:a16="http://schemas.microsoft.com/office/drawing/2014/main" id="{316CAA1E-DA4E-6449-B175-D9E20FA6749F}"/>
                </a:ext>
              </a:extLst>
            </p:cNvPr>
            <p:cNvSpPr txBox="1">
              <a:spLocks noChangeArrowheads="1"/>
            </p:cNvSpPr>
            <p:nvPr/>
          </p:nvSpPr>
          <p:spPr bwMode="auto">
            <a:xfrm rot="16200000">
              <a:off x="-415613" y="4598232"/>
              <a:ext cx="1921551" cy="338554"/>
            </a:xfrm>
            <a:prstGeom prst="rect">
              <a:avLst/>
            </a:prstGeom>
            <a:no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n-US" sz="1600" b="1" i="0" u="none" strike="noStrike" kern="0" cap="none" spc="0" normalizeH="0" baseline="0" noProof="0" dirty="0">
                  <a:ln>
                    <a:noFill/>
                  </a:ln>
                  <a:solidFill>
                    <a:srgbClr val="D1282E">
                      <a:lumMod val="50000"/>
                    </a:srgbClr>
                  </a:solidFill>
                  <a:effectLst/>
                  <a:uLnTx/>
                  <a:uFillTx/>
                  <a:latin typeface="Arial Narrow" pitchFamily="34" charset="0"/>
                  <a:ea typeface="+mn-ea"/>
                  <a:cs typeface="Arial" pitchFamily="34" charset="0"/>
                </a:rPr>
                <a:t>eCare Plan APP</a:t>
              </a:r>
            </a:p>
          </p:txBody>
        </p:sp>
        <p:sp>
          <p:nvSpPr>
            <p:cNvPr id="254" name="Rectangle 253">
              <a:extLst>
                <a:ext uri="{FF2B5EF4-FFF2-40B4-BE49-F238E27FC236}">
                  <a16:creationId xmlns:a16="http://schemas.microsoft.com/office/drawing/2014/main" id="{ECE46FA2-1C74-E240-8B13-247DCCA8E074}"/>
                </a:ext>
              </a:extLst>
            </p:cNvPr>
            <p:cNvSpPr>
              <a:spLocks noChangeArrowheads="1"/>
            </p:cNvSpPr>
            <p:nvPr/>
          </p:nvSpPr>
          <p:spPr bwMode="auto">
            <a:xfrm>
              <a:off x="6816968" y="2132664"/>
              <a:ext cx="5003044" cy="323165"/>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prstClr val="black"/>
                  </a:solidFill>
                  <a:effectLst/>
                  <a:uLnTx/>
                  <a:uFillTx/>
                  <a:latin typeface="Arial Narrow" pitchFamily="34" charset="0"/>
                  <a:ea typeface="+mn-ea"/>
                  <a:cs typeface="+mn-cs"/>
                </a:rPr>
                <a:t>Develop Draft FHIR Implementation Guide for testing</a:t>
              </a:r>
            </a:p>
          </p:txBody>
        </p:sp>
        <p:sp>
          <p:nvSpPr>
            <p:cNvPr id="255" name="Isosceles Triangle 87">
              <a:extLst>
                <a:ext uri="{FF2B5EF4-FFF2-40B4-BE49-F238E27FC236}">
                  <a16:creationId xmlns:a16="http://schemas.microsoft.com/office/drawing/2014/main" id="{82FFEF32-7863-0646-B6DD-14F815A30E54}"/>
                </a:ext>
              </a:extLst>
            </p:cNvPr>
            <p:cNvSpPr/>
            <p:nvPr/>
          </p:nvSpPr>
          <p:spPr>
            <a:xfrm>
              <a:off x="8084981" y="5609713"/>
              <a:ext cx="160338" cy="161925"/>
            </a:xfrm>
            <a:prstGeom prst="triangle">
              <a:avLst/>
            </a:prstGeom>
            <a:solidFill>
              <a:srgbClr val="C00000"/>
            </a:solidFill>
            <a:ln w="12700" cap="flat" cmpd="sng" algn="ctr">
              <a:noFill/>
              <a:prstDash val="solid"/>
            </a:ln>
            <a:effectLst/>
          </p:spPr>
          <p:txBody>
            <a:bodyPr lIns="45720" rIns="45720" anchor="ctr"/>
            <a:lstStyle/>
            <a:p>
              <a:pPr marL="0" marR="0" lvl="0" indent="0" algn="ctr" defTabSz="914400" rtl="0" eaLnBrk="1" fontAlgn="auto" latinLnBrk="0" hangingPunct="1">
                <a:lnSpc>
                  <a:spcPct val="100000"/>
                </a:lnSpc>
                <a:spcBef>
                  <a:spcPct val="20000"/>
                </a:spcBef>
                <a:spcAft>
                  <a:spcPts val="0"/>
                </a:spcAft>
                <a:buClrTx/>
                <a:buSzTx/>
                <a:buFontTx/>
                <a:buNone/>
                <a:tabLst/>
                <a:defRPr/>
              </a:pPr>
              <a:endParaRPr kumimoji="0" lang="en-US" sz="1500" b="0" i="0" u="none" strike="noStrike" kern="0" cap="none" spc="0" normalizeH="0" baseline="0" noProof="0" dirty="0">
                <a:ln>
                  <a:noFill/>
                </a:ln>
                <a:solidFill>
                  <a:srgbClr val="D1282E"/>
                </a:solidFill>
                <a:effectLst/>
                <a:uLnTx/>
                <a:uFillTx/>
                <a:latin typeface="Arial Narrow" pitchFamily="34" charset="0"/>
                <a:ea typeface="+mn-ea"/>
                <a:cs typeface="+mn-cs"/>
              </a:endParaRPr>
            </a:p>
          </p:txBody>
        </p:sp>
        <p:cxnSp>
          <p:nvCxnSpPr>
            <p:cNvPr id="257" name="Straight Connector 256">
              <a:extLst>
                <a:ext uri="{FF2B5EF4-FFF2-40B4-BE49-F238E27FC236}">
                  <a16:creationId xmlns:a16="http://schemas.microsoft.com/office/drawing/2014/main" id="{9718DBCF-F869-A043-A944-7D0E0B4BCAA6}"/>
                </a:ext>
              </a:extLst>
            </p:cNvPr>
            <p:cNvCxnSpPr>
              <a:cxnSpLocks/>
            </p:cNvCxnSpPr>
            <p:nvPr/>
          </p:nvCxnSpPr>
          <p:spPr>
            <a:xfrm>
              <a:off x="5051190" y="1958176"/>
              <a:ext cx="1547730" cy="0"/>
            </a:xfrm>
            <a:prstGeom prst="line">
              <a:avLst/>
            </a:prstGeom>
            <a:noFill/>
            <a:ln w="50800" cap="flat" cmpd="sng" algn="ctr">
              <a:solidFill>
                <a:srgbClr val="526DB0"/>
              </a:solidFill>
              <a:prstDash val="solid"/>
              <a:headEnd type="oval" w="sm" len="sm"/>
              <a:tailEnd type="oval" w="sm" len="sm"/>
            </a:ln>
            <a:effectLst/>
          </p:spPr>
        </p:cxnSp>
        <p:sp>
          <p:nvSpPr>
            <p:cNvPr id="258" name="Rectangle 257">
              <a:extLst>
                <a:ext uri="{FF2B5EF4-FFF2-40B4-BE49-F238E27FC236}">
                  <a16:creationId xmlns:a16="http://schemas.microsoft.com/office/drawing/2014/main" id="{46FFFFF3-FDD0-DA42-B003-33FE6E650389}"/>
                </a:ext>
              </a:extLst>
            </p:cNvPr>
            <p:cNvSpPr>
              <a:spLocks noChangeArrowheads="1"/>
            </p:cNvSpPr>
            <p:nvPr/>
          </p:nvSpPr>
          <p:spPr bwMode="auto">
            <a:xfrm>
              <a:off x="5037793" y="1628256"/>
              <a:ext cx="2755900" cy="323165"/>
            </a:xfrm>
            <a:prstGeom prst="rect">
              <a:avLst/>
            </a:prstGeom>
            <a:noFill/>
            <a:ln w="9525">
              <a:noFill/>
              <a:miter lim="800000"/>
              <a:headEnd/>
              <a:tailEnd/>
            </a:ln>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prstClr val="black"/>
                  </a:solidFill>
                  <a:effectLst/>
                  <a:uLnTx/>
                  <a:uFillTx/>
                  <a:latin typeface="Arial Narrow" pitchFamily="34" charset="0"/>
                  <a:ea typeface="+mn-ea"/>
                  <a:cs typeface="+mn-cs"/>
                </a:rPr>
                <a:t>Modify and Develop new CIMs</a:t>
              </a:r>
            </a:p>
          </p:txBody>
        </p:sp>
        <p:grpSp>
          <p:nvGrpSpPr>
            <p:cNvPr id="259" name="Group 258">
              <a:extLst>
                <a:ext uri="{FF2B5EF4-FFF2-40B4-BE49-F238E27FC236}">
                  <a16:creationId xmlns:a16="http://schemas.microsoft.com/office/drawing/2014/main" id="{10F22BE1-7195-E942-B3DF-636B07164C8D}"/>
                </a:ext>
              </a:extLst>
            </p:cNvPr>
            <p:cNvGrpSpPr/>
            <p:nvPr/>
          </p:nvGrpSpPr>
          <p:grpSpPr>
            <a:xfrm>
              <a:off x="273353" y="3952225"/>
              <a:ext cx="11748400" cy="1562946"/>
              <a:chOff x="316627" y="2107636"/>
              <a:chExt cx="11748400" cy="1562946"/>
            </a:xfrm>
          </p:grpSpPr>
          <p:sp>
            <p:nvSpPr>
              <p:cNvPr id="277" name="Rectangle 276">
                <a:extLst>
                  <a:ext uri="{FF2B5EF4-FFF2-40B4-BE49-F238E27FC236}">
                    <a16:creationId xmlns:a16="http://schemas.microsoft.com/office/drawing/2014/main" id="{51CCD901-4BC2-4B41-A897-6867B8743C6D}"/>
                  </a:ext>
                </a:extLst>
              </p:cNvPr>
              <p:cNvSpPr/>
              <p:nvPr/>
            </p:nvSpPr>
            <p:spPr>
              <a:xfrm>
                <a:off x="316627" y="2107636"/>
                <a:ext cx="11359581" cy="1562946"/>
              </a:xfrm>
              <a:prstGeom prst="rect">
                <a:avLst/>
              </a:prstGeom>
              <a:solidFill>
                <a:srgbClr val="526DB0">
                  <a:lumMod val="60000"/>
                  <a:lumOff val="40000"/>
                  <a:alpha val="20000"/>
                </a:srgbClr>
              </a:solidFill>
              <a:ln w="12700" cap="flat" cmpd="sng" algn="ctr">
                <a:noFill/>
                <a:prstDash val="solid"/>
              </a:ln>
              <a:effectLst/>
            </p:spPr>
            <p:txBody>
              <a:bodyPr lIns="45720" rIns="45720" anchor="ctr"/>
              <a:lstStyle/>
              <a:p>
                <a:pPr marL="0" marR="0" lvl="0" indent="0" algn="ctr" defTabSz="914400" rtl="0" eaLnBrk="1" fontAlgn="auto" latinLnBrk="0" hangingPunct="1">
                  <a:lnSpc>
                    <a:spcPct val="100000"/>
                  </a:lnSpc>
                  <a:spcBef>
                    <a:spcPct val="2000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Calibri"/>
                  <a:ea typeface="+mn-ea"/>
                  <a:cs typeface="+mn-cs"/>
                </a:endParaRPr>
              </a:p>
            </p:txBody>
          </p:sp>
          <p:sp>
            <p:nvSpPr>
              <p:cNvPr id="278" name="Rectangle 277">
                <a:extLst>
                  <a:ext uri="{FF2B5EF4-FFF2-40B4-BE49-F238E27FC236}">
                    <a16:creationId xmlns:a16="http://schemas.microsoft.com/office/drawing/2014/main" id="{9DB6BD3D-B1DD-7649-99AB-923E8A04556C}"/>
                  </a:ext>
                </a:extLst>
              </p:cNvPr>
              <p:cNvSpPr>
                <a:spLocks noChangeArrowheads="1"/>
              </p:cNvSpPr>
              <p:nvPr/>
            </p:nvSpPr>
            <p:spPr bwMode="auto">
              <a:xfrm>
                <a:off x="7200262" y="2619430"/>
                <a:ext cx="3911857" cy="323165"/>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prstClr val="black"/>
                    </a:solidFill>
                    <a:effectLst/>
                    <a:uLnTx/>
                    <a:uFillTx/>
                    <a:latin typeface="Arial Narrow" pitchFamily="34" charset="0"/>
                    <a:ea typeface="+mn-ea"/>
                    <a:cs typeface="+mn-cs"/>
                  </a:rPr>
                  <a:t>Develop SMART on FHIR Application</a:t>
                </a:r>
              </a:p>
            </p:txBody>
          </p:sp>
          <p:cxnSp>
            <p:nvCxnSpPr>
              <p:cNvPr id="279" name="Straight Connector 278">
                <a:extLst>
                  <a:ext uri="{FF2B5EF4-FFF2-40B4-BE49-F238E27FC236}">
                    <a16:creationId xmlns:a16="http://schemas.microsoft.com/office/drawing/2014/main" id="{3FBC8583-D5BA-3C40-9625-2D660732EC2A}"/>
                  </a:ext>
                </a:extLst>
              </p:cNvPr>
              <p:cNvCxnSpPr>
                <a:cxnSpLocks/>
              </p:cNvCxnSpPr>
              <p:nvPr/>
            </p:nvCxnSpPr>
            <p:spPr>
              <a:xfrm flipV="1">
                <a:off x="7149488" y="3035575"/>
                <a:ext cx="4144085" cy="25302"/>
              </a:xfrm>
              <a:prstGeom prst="line">
                <a:avLst/>
              </a:prstGeom>
              <a:noFill/>
              <a:ln w="50800" cap="flat" cmpd="sng" algn="ctr">
                <a:solidFill>
                  <a:srgbClr val="2F9CD3"/>
                </a:solidFill>
                <a:prstDash val="solid"/>
                <a:headEnd type="oval" w="sm" len="sm"/>
                <a:tailEnd type="oval" w="sm" len="sm"/>
              </a:ln>
              <a:effectLst/>
            </p:spPr>
          </p:cxnSp>
          <p:sp>
            <p:nvSpPr>
              <p:cNvPr id="280" name="Rectangle 58">
                <a:extLst>
                  <a:ext uri="{FF2B5EF4-FFF2-40B4-BE49-F238E27FC236}">
                    <a16:creationId xmlns:a16="http://schemas.microsoft.com/office/drawing/2014/main" id="{80F074AE-DFDC-A248-BFEC-D4CFF52A47C5}"/>
                  </a:ext>
                </a:extLst>
              </p:cNvPr>
              <p:cNvSpPr>
                <a:spLocks noChangeArrowheads="1"/>
              </p:cNvSpPr>
              <p:nvPr/>
            </p:nvSpPr>
            <p:spPr bwMode="auto">
              <a:xfrm>
                <a:off x="8255027" y="3303105"/>
                <a:ext cx="3810000" cy="323165"/>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srgbClr val="2F9CD3"/>
                    </a:solidFill>
                    <a:effectLst/>
                    <a:uLnTx/>
                    <a:uFillTx/>
                    <a:latin typeface="Arial Narrow" pitchFamily="34" charset="0"/>
                    <a:ea typeface="+mn-ea"/>
                    <a:cs typeface="+mn-cs"/>
                  </a:rPr>
                  <a:t>Continuous integration and testing</a:t>
                </a:r>
              </a:p>
            </p:txBody>
          </p:sp>
          <p:sp>
            <p:nvSpPr>
              <p:cNvPr id="281" name="Rectangle 280">
                <a:extLst>
                  <a:ext uri="{FF2B5EF4-FFF2-40B4-BE49-F238E27FC236}">
                    <a16:creationId xmlns:a16="http://schemas.microsoft.com/office/drawing/2014/main" id="{89C0E8D0-C089-2B42-A377-4DAD8EA11861}"/>
                  </a:ext>
                </a:extLst>
              </p:cNvPr>
              <p:cNvSpPr>
                <a:spLocks noChangeArrowheads="1"/>
              </p:cNvSpPr>
              <p:nvPr/>
            </p:nvSpPr>
            <p:spPr bwMode="auto">
              <a:xfrm>
                <a:off x="4645951" y="2184748"/>
                <a:ext cx="4337212" cy="323165"/>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prstClr val="black"/>
                    </a:solidFill>
                    <a:effectLst/>
                    <a:uLnTx/>
                    <a:uFillTx/>
                    <a:latin typeface="Arial Narrow" pitchFamily="34" charset="0"/>
                    <a:ea typeface="+mn-ea"/>
                    <a:cs typeface="+mn-cs"/>
                  </a:rPr>
                  <a:t>Create Development and Testing Environment</a:t>
                </a:r>
              </a:p>
            </p:txBody>
          </p:sp>
          <p:cxnSp>
            <p:nvCxnSpPr>
              <p:cNvPr id="282" name="Straight Connector 281">
                <a:extLst>
                  <a:ext uri="{FF2B5EF4-FFF2-40B4-BE49-F238E27FC236}">
                    <a16:creationId xmlns:a16="http://schemas.microsoft.com/office/drawing/2014/main" id="{DEF298C7-B30A-DE4A-A64F-36B06D632CEF}"/>
                  </a:ext>
                </a:extLst>
              </p:cNvPr>
              <p:cNvCxnSpPr>
                <a:cxnSpLocks/>
              </p:cNvCxnSpPr>
              <p:nvPr/>
            </p:nvCxnSpPr>
            <p:spPr>
              <a:xfrm flipV="1">
                <a:off x="4813416" y="2525705"/>
                <a:ext cx="2336072" cy="8130"/>
              </a:xfrm>
              <a:prstGeom prst="line">
                <a:avLst/>
              </a:prstGeom>
              <a:noFill/>
              <a:ln w="50800" cap="flat" cmpd="sng" algn="ctr">
                <a:solidFill>
                  <a:srgbClr val="2F9CD3"/>
                </a:solidFill>
                <a:prstDash val="solid"/>
                <a:headEnd type="oval" w="sm" len="sm"/>
                <a:tailEnd type="oval" w="sm" len="sm"/>
              </a:ln>
              <a:effectLst/>
            </p:spPr>
          </p:cxnSp>
          <p:pic>
            <p:nvPicPr>
              <p:cNvPr id="283" name="Picture 282" descr="A screenshot of a cell phone&#10;&#10;Description automatically generated">
                <a:extLst>
                  <a:ext uri="{FF2B5EF4-FFF2-40B4-BE49-F238E27FC236}">
                    <a16:creationId xmlns:a16="http://schemas.microsoft.com/office/drawing/2014/main" id="{BA8C2FFC-C3E3-8448-A447-8395869DA8E3}"/>
                  </a:ext>
                </a:extLst>
              </p:cNvPr>
              <p:cNvPicPr>
                <a:picLocks noChangeAspect="1"/>
              </p:cNvPicPr>
              <p:nvPr/>
            </p:nvPicPr>
            <p:blipFill rotWithShape="1">
              <a:blip r:embed="rId8">
                <a:extLst>
                  <a:ext uri="{28A0092B-C50C-407E-A947-70E740481C1C}">
                    <a14:useLocalDpi xmlns:a14="http://schemas.microsoft.com/office/drawing/2010/main"/>
                  </a:ext>
                </a:extLst>
              </a:blip>
              <a:srcRect/>
              <a:stretch/>
            </p:blipFill>
            <p:spPr>
              <a:xfrm>
                <a:off x="8504162" y="2871137"/>
                <a:ext cx="292091" cy="383255"/>
              </a:xfrm>
              <a:prstGeom prst="rect">
                <a:avLst/>
              </a:prstGeom>
            </p:spPr>
          </p:pic>
          <p:pic>
            <p:nvPicPr>
              <p:cNvPr id="284" name="Picture 283" descr="A screenshot of a cell phone&#10;&#10;Description automatically generated">
                <a:extLst>
                  <a:ext uri="{FF2B5EF4-FFF2-40B4-BE49-F238E27FC236}">
                    <a16:creationId xmlns:a16="http://schemas.microsoft.com/office/drawing/2014/main" id="{8C5A2553-8B45-8F41-90DA-A653ACF112BF}"/>
                  </a:ext>
                </a:extLst>
              </p:cNvPr>
              <p:cNvPicPr>
                <a:picLocks noChangeAspect="1"/>
              </p:cNvPicPr>
              <p:nvPr/>
            </p:nvPicPr>
            <p:blipFill rotWithShape="1">
              <a:blip r:embed="rId8">
                <a:extLst>
                  <a:ext uri="{28A0092B-C50C-407E-A947-70E740481C1C}">
                    <a14:useLocalDpi xmlns:a14="http://schemas.microsoft.com/office/drawing/2010/main"/>
                  </a:ext>
                </a:extLst>
              </a:blip>
              <a:srcRect/>
              <a:stretch/>
            </p:blipFill>
            <p:spPr>
              <a:xfrm>
                <a:off x="9133184" y="2861485"/>
                <a:ext cx="292091" cy="383255"/>
              </a:xfrm>
              <a:prstGeom prst="rect">
                <a:avLst/>
              </a:prstGeom>
            </p:spPr>
          </p:pic>
          <p:pic>
            <p:nvPicPr>
              <p:cNvPr id="285" name="Picture 284" descr="A screenshot of a cell phone&#10;&#10;Description automatically generated">
                <a:extLst>
                  <a:ext uri="{FF2B5EF4-FFF2-40B4-BE49-F238E27FC236}">
                    <a16:creationId xmlns:a16="http://schemas.microsoft.com/office/drawing/2014/main" id="{D0FDB218-9BFB-AD4A-A5F4-741000D4A992}"/>
                  </a:ext>
                </a:extLst>
              </p:cNvPr>
              <p:cNvPicPr>
                <a:picLocks noChangeAspect="1"/>
              </p:cNvPicPr>
              <p:nvPr/>
            </p:nvPicPr>
            <p:blipFill rotWithShape="1">
              <a:blip r:embed="rId8">
                <a:extLst>
                  <a:ext uri="{28A0092B-C50C-407E-A947-70E740481C1C}">
                    <a14:useLocalDpi xmlns:a14="http://schemas.microsoft.com/office/drawing/2010/main"/>
                  </a:ext>
                </a:extLst>
              </a:blip>
              <a:srcRect/>
              <a:stretch/>
            </p:blipFill>
            <p:spPr>
              <a:xfrm>
                <a:off x="9708383" y="2881184"/>
                <a:ext cx="292091" cy="383255"/>
              </a:xfrm>
              <a:prstGeom prst="rect">
                <a:avLst/>
              </a:prstGeom>
            </p:spPr>
          </p:pic>
          <p:pic>
            <p:nvPicPr>
              <p:cNvPr id="286" name="Picture 285" descr="A screenshot of a cell phone&#10;&#10;Description automatically generated">
                <a:extLst>
                  <a:ext uri="{FF2B5EF4-FFF2-40B4-BE49-F238E27FC236}">
                    <a16:creationId xmlns:a16="http://schemas.microsoft.com/office/drawing/2014/main" id="{C1904FB6-F3ED-524F-B60D-09C18BF796E8}"/>
                  </a:ext>
                </a:extLst>
              </p:cNvPr>
              <p:cNvPicPr>
                <a:picLocks noChangeAspect="1"/>
              </p:cNvPicPr>
              <p:nvPr/>
            </p:nvPicPr>
            <p:blipFill rotWithShape="1">
              <a:blip r:embed="rId8">
                <a:extLst>
                  <a:ext uri="{28A0092B-C50C-407E-A947-70E740481C1C}">
                    <a14:useLocalDpi xmlns:a14="http://schemas.microsoft.com/office/drawing/2010/main"/>
                  </a:ext>
                </a:extLst>
              </a:blip>
              <a:srcRect/>
              <a:stretch/>
            </p:blipFill>
            <p:spPr>
              <a:xfrm>
                <a:off x="7920796" y="2901320"/>
                <a:ext cx="292091" cy="383255"/>
              </a:xfrm>
              <a:prstGeom prst="rect">
                <a:avLst/>
              </a:prstGeom>
            </p:spPr>
          </p:pic>
          <p:pic>
            <p:nvPicPr>
              <p:cNvPr id="287" name="Picture 286" descr="A screenshot of a cell phone&#10;&#10;Description automatically generated">
                <a:extLst>
                  <a:ext uri="{FF2B5EF4-FFF2-40B4-BE49-F238E27FC236}">
                    <a16:creationId xmlns:a16="http://schemas.microsoft.com/office/drawing/2014/main" id="{8D1BB65C-6B35-8547-B58C-D325AC56CEFF}"/>
                  </a:ext>
                </a:extLst>
              </p:cNvPr>
              <p:cNvPicPr>
                <a:picLocks noChangeAspect="1"/>
              </p:cNvPicPr>
              <p:nvPr/>
            </p:nvPicPr>
            <p:blipFill rotWithShape="1">
              <a:blip r:embed="rId8">
                <a:extLst>
                  <a:ext uri="{28A0092B-C50C-407E-A947-70E740481C1C}">
                    <a14:useLocalDpi xmlns:a14="http://schemas.microsoft.com/office/drawing/2010/main"/>
                  </a:ext>
                </a:extLst>
              </a:blip>
              <a:srcRect/>
              <a:stretch/>
            </p:blipFill>
            <p:spPr>
              <a:xfrm>
                <a:off x="10256673" y="2869250"/>
                <a:ext cx="292091" cy="383255"/>
              </a:xfrm>
              <a:prstGeom prst="rect">
                <a:avLst/>
              </a:prstGeom>
            </p:spPr>
          </p:pic>
          <p:pic>
            <p:nvPicPr>
              <p:cNvPr id="288" name="Picture 287" descr="A screenshot of a cell phone&#10;&#10;Description automatically generated">
                <a:extLst>
                  <a:ext uri="{FF2B5EF4-FFF2-40B4-BE49-F238E27FC236}">
                    <a16:creationId xmlns:a16="http://schemas.microsoft.com/office/drawing/2014/main" id="{405560F3-7C1D-EB47-AA74-B8834E1ED54B}"/>
                  </a:ext>
                </a:extLst>
              </p:cNvPr>
              <p:cNvPicPr>
                <a:picLocks noChangeAspect="1"/>
              </p:cNvPicPr>
              <p:nvPr/>
            </p:nvPicPr>
            <p:blipFill rotWithShape="1">
              <a:blip r:embed="rId8">
                <a:extLst>
                  <a:ext uri="{28A0092B-C50C-407E-A947-70E740481C1C}">
                    <a14:useLocalDpi xmlns:a14="http://schemas.microsoft.com/office/drawing/2010/main"/>
                  </a:ext>
                </a:extLst>
              </a:blip>
              <a:srcRect/>
              <a:stretch/>
            </p:blipFill>
            <p:spPr>
              <a:xfrm>
                <a:off x="10776871" y="2879177"/>
                <a:ext cx="292091" cy="383255"/>
              </a:xfrm>
              <a:prstGeom prst="rect">
                <a:avLst/>
              </a:prstGeom>
            </p:spPr>
          </p:pic>
        </p:grpSp>
        <p:sp>
          <p:nvSpPr>
            <p:cNvPr id="260" name="Rectangle 259">
              <a:extLst>
                <a:ext uri="{FF2B5EF4-FFF2-40B4-BE49-F238E27FC236}">
                  <a16:creationId xmlns:a16="http://schemas.microsoft.com/office/drawing/2014/main" id="{6C5CF346-F8CF-9C44-9CF1-4239DDBC3ED3}"/>
                </a:ext>
              </a:extLst>
            </p:cNvPr>
            <p:cNvSpPr>
              <a:spLocks noChangeArrowheads="1"/>
            </p:cNvSpPr>
            <p:nvPr/>
          </p:nvSpPr>
          <p:spPr bwMode="auto">
            <a:xfrm>
              <a:off x="6206769" y="5847527"/>
              <a:ext cx="5279623" cy="323165"/>
            </a:xfrm>
            <a:prstGeom prst="rect">
              <a:avLst/>
            </a:prstGeom>
            <a:noFill/>
            <a:ln w="9525">
              <a:noFill/>
              <a:miter lim="800000"/>
              <a:headEnd/>
              <a:tailEnd/>
            </a:ln>
          </p:spPr>
          <p:txBody>
            <a:bodyPr wrap="square">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srgbClr val="D1282E"/>
                  </a:solidFill>
                  <a:effectLst/>
                  <a:uLnTx/>
                  <a:uFillTx/>
                  <a:latin typeface="Arial Narrow" pitchFamily="34" charset="0"/>
                  <a:ea typeface="+mn-ea"/>
                  <a:cs typeface="+mn-cs"/>
                </a:rPr>
                <a:t>APP &amp; IG Ready for Testing at HL7 FHIR Connectathon SEP 2020 </a:t>
              </a:r>
            </a:p>
          </p:txBody>
        </p:sp>
        <p:grpSp>
          <p:nvGrpSpPr>
            <p:cNvPr id="262" name="Group 261">
              <a:extLst>
                <a:ext uri="{FF2B5EF4-FFF2-40B4-BE49-F238E27FC236}">
                  <a16:creationId xmlns:a16="http://schemas.microsoft.com/office/drawing/2014/main" id="{B1323308-102D-334A-936D-83998694B4B3}"/>
                </a:ext>
              </a:extLst>
            </p:cNvPr>
            <p:cNvGrpSpPr/>
            <p:nvPr/>
          </p:nvGrpSpPr>
          <p:grpSpPr>
            <a:xfrm>
              <a:off x="299622" y="2104122"/>
              <a:ext cx="11333313" cy="1791449"/>
              <a:chOff x="799488" y="3669721"/>
              <a:chExt cx="11333313" cy="1791449"/>
            </a:xfrm>
          </p:grpSpPr>
          <p:sp>
            <p:nvSpPr>
              <p:cNvPr id="266" name="Rectangle 265">
                <a:extLst>
                  <a:ext uri="{FF2B5EF4-FFF2-40B4-BE49-F238E27FC236}">
                    <a16:creationId xmlns:a16="http://schemas.microsoft.com/office/drawing/2014/main" id="{371E98EF-4674-9648-A649-645F9333EF93}"/>
                  </a:ext>
                </a:extLst>
              </p:cNvPr>
              <p:cNvSpPr/>
              <p:nvPr/>
            </p:nvSpPr>
            <p:spPr>
              <a:xfrm>
                <a:off x="799488" y="3723017"/>
                <a:ext cx="11333313" cy="1738153"/>
              </a:xfrm>
              <a:prstGeom prst="rect">
                <a:avLst/>
              </a:prstGeom>
              <a:solidFill>
                <a:srgbClr val="B4B392">
                  <a:lumMod val="60000"/>
                  <a:lumOff val="40000"/>
                  <a:alpha val="20000"/>
                </a:srgbClr>
              </a:solidFill>
              <a:ln w="12700" cap="flat" cmpd="sng" algn="ctr">
                <a:noFill/>
                <a:prstDash val="solid"/>
              </a:ln>
              <a:effectLst/>
            </p:spPr>
            <p:txBody>
              <a:bodyPr lIns="45720" rIns="45720" anchor="ctr"/>
              <a:lstStyle/>
              <a:p>
                <a:pPr marL="0" marR="0" lvl="0" indent="0" algn="ctr" defTabSz="914400" rtl="0" eaLnBrk="1" fontAlgn="auto" latinLnBrk="0" hangingPunct="1">
                  <a:lnSpc>
                    <a:spcPct val="100000"/>
                  </a:lnSpc>
                  <a:spcBef>
                    <a:spcPct val="2000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Calibri"/>
                  <a:ea typeface="+mn-ea"/>
                  <a:cs typeface="+mn-cs"/>
                </a:endParaRPr>
              </a:p>
            </p:txBody>
          </p:sp>
          <p:sp>
            <p:nvSpPr>
              <p:cNvPr id="267" name="TextBox 169">
                <a:extLst>
                  <a:ext uri="{FF2B5EF4-FFF2-40B4-BE49-F238E27FC236}">
                    <a16:creationId xmlns:a16="http://schemas.microsoft.com/office/drawing/2014/main" id="{C948A713-DFC3-2A4B-A10F-73390CEBE5BA}"/>
                  </a:ext>
                </a:extLst>
              </p:cNvPr>
              <p:cNvSpPr txBox="1">
                <a:spLocks noChangeArrowheads="1"/>
              </p:cNvSpPr>
              <p:nvPr/>
            </p:nvSpPr>
            <p:spPr bwMode="auto">
              <a:xfrm rot="16200000">
                <a:off x="113355" y="4391135"/>
                <a:ext cx="1781381" cy="338554"/>
              </a:xfrm>
              <a:prstGeom prst="rect">
                <a:avLst/>
              </a:prstGeom>
              <a:noFill/>
              <a:ln w="9525">
                <a:noFill/>
                <a:miter lim="800000"/>
                <a:headEnd/>
                <a:tailEnd/>
              </a:ln>
            </p:spPr>
            <p:txBody>
              <a:bodyPr wrap="square">
                <a:spAutoFit/>
              </a:bodyPr>
              <a:lstStyle/>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n-US" sz="1600" b="1" i="0" u="none" strike="noStrike" kern="0" cap="none" spc="0" normalizeH="0" baseline="0" noProof="0" dirty="0">
                    <a:ln>
                      <a:noFill/>
                    </a:ln>
                    <a:solidFill>
                      <a:srgbClr val="D1282E">
                        <a:lumMod val="50000"/>
                      </a:srgbClr>
                    </a:solidFill>
                    <a:effectLst/>
                    <a:uLnTx/>
                    <a:uFillTx/>
                    <a:latin typeface="Arial Narrow" pitchFamily="34" charset="0"/>
                    <a:ea typeface="+mn-ea"/>
                    <a:cs typeface="Arial" pitchFamily="34" charset="0"/>
                  </a:rPr>
                  <a:t>eCare Plan FHIR IG</a:t>
                </a:r>
              </a:p>
            </p:txBody>
          </p:sp>
          <p:cxnSp>
            <p:nvCxnSpPr>
              <p:cNvPr id="268" name="Straight Connector 267">
                <a:extLst>
                  <a:ext uri="{FF2B5EF4-FFF2-40B4-BE49-F238E27FC236}">
                    <a16:creationId xmlns:a16="http://schemas.microsoft.com/office/drawing/2014/main" id="{1C8563AA-448E-9849-83ED-55453E7EDF60}"/>
                  </a:ext>
                </a:extLst>
              </p:cNvPr>
              <p:cNvCxnSpPr>
                <a:cxnSpLocks/>
              </p:cNvCxnSpPr>
              <p:nvPr/>
            </p:nvCxnSpPr>
            <p:spPr>
              <a:xfrm flipV="1">
                <a:off x="3354696" y="4042807"/>
                <a:ext cx="1857563" cy="1437"/>
              </a:xfrm>
              <a:prstGeom prst="line">
                <a:avLst/>
              </a:prstGeom>
              <a:noFill/>
              <a:ln w="50800" cap="flat" cmpd="sng" algn="ctr">
                <a:solidFill>
                  <a:srgbClr val="526DB0">
                    <a:lumMod val="75000"/>
                  </a:srgbClr>
                </a:solidFill>
                <a:prstDash val="solid"/>
                <a:headEnd type="oval" w="sm" len="sm"/>
                <a:tailEnd type="oval" w="sm" len="sm"/>
              </a:ln>
              <a:effectLst/>
            </p:spPr>
          </p:cxnSp>
          <p:sp>
            <p:nvSpPr>
              <p:cNvPr id="269" name="Rectangle 268">
                <a:extLst>
                  <a:ext uri="{FF2B5EF4-FFF2-40B4-BE49-F238E27FC236}">
                    <a16:creationId xmlns:a16="http://schemas.microsoft.com/office/drawing/2014/main" id="{C0C5D108-A4F1-8A4F-957A-60C2847FE3BB}"/>
                  </a:ext>
                </a:extLst>
              </p:cNvPr>
              <p:cNvSpPr>
                <a:spLocks noChangeArrowheads="1"/>
              </p:cNvSpPr>
              <p:nvPr/>
            </p:nvSpPr>
            <p:spPr bwMode="auto">
              <a:xfrm>
                <a:off x="3289074" y="3719642"/>
                <a:ext cx="3202376" cy="323165"/>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prstClr val="black"/>
                    </a:solidFill>
                    <a:effectLst/>
                    <a:uLnTx/>
                    <a:uFillTx/>
                    <a:latin typeface="Arial Narrow" pitchFamily="34" charset="0"/>
                    <a:ea typeface="+mn-ea"/>
                    <a:cs typeface="+mn-cs"/>
                  </a:rPr>
                  <a:t>Identify Use Cases</a:t>
                </a:r>
              </a:p>
            </p:txBody>
          </p:sp>
          <p:cxnSp>
            <p:nvCxnSpPr>
              <p:cNvPr id="270" name="Straight Connector 269">
                <a:extLst>
                  <a:ext uri="{FF2B5EF4-FFF2-40B4-BE49-F238E27FC236}">
                    <a16:creationId xmlns:a16="http://schemas.microsoft.com/office/drawing/2014/main" id="{B8A85B5A-5104-0243-97AE-5CAD82A384AB}"/>
                  </a:ext>
                </a:extLst>
              </p:cNvPr>
              <p:cNvCxnSpPr>
                <a:cxnSpLocks/>
              </p:cNvCxnSpPr>
              <p:nvPr/>
            </p:nvCxnSpPr>
            <p:spPr>
              <a:xfrm>
                <a:off x="7206861" y="4056662"/>
                <a:ext cx="4337319" cy="0"/>
              </a:xfrm>
              <a:prstGeom prst="line">
                <a:avLst/>
              </a:prstGeom>
              <a:noFill/>
              <a:ln w="50800" cap="flat" cmpd="sng" algn="ctr">
                <a:solidFill>
                  <a:srgbClr val="526DB0">
                    <a:lumMod val="75000"/>
                  </a:srgbClr>
                </a:solidFill>
                <a:prstDash val="solid"/>
                <a:headEnd type="oval" w="sm" len="sm"/>
                <a:tailEnd type="oval" w="sm" len="sm"/>
              </a:ln>
              <a:effectLst/>
            </p:spPr>
          </p:cxnSp>
          <p:cxnSp>
            <p:nvCxnSpPr>
              <p:cNvPr id="271" name="Straight Connector 270">
                <a:extLst>
                  <a:ext uri="{FF2B5EF4-FFF2-40B4-BE49-F238E27FC236}">
                    <a16:creationId xmlns:a16="http://schemas.microsoft.com/office/drawing/2014/main" id="{F53C92BB-CFFB-6341-AA05-9E370F6D70D3}"/>
                  </a:ext>
                </a:extLst>
              </p:cNvPr>
              <p:cNvCxnSpPr>
                <a:cxnSpLocks/>
              </p:cNvCxnSpPr>
              <p:nvPr/>
            </p:nvCxnSpPr>
            <p:spPr>
              <a:xfrm>
                <a:off x="8113643" y="4962043"/>
                <a:ext cx="3497340" cy="0"/>
              </a:xfrm>
              <a:prstGeom prst="line">
                <a:avLst/>
              </a:prstGeom>
              <a:noFill/>
              <a:ln w="50800" cap="flat" cmpd="sng" algn="ctr">
                <a:solidFill>
                  <a:srgbClr val="DC5924">
                    <a:lumMod val="75000"/>
                  </a:srgbClr>
                </a:solidFill>
                <a:prstDash val="sysDash"/>
                <a:headEnd type="oval" w="sm" len="sm"/>
                <a:tailEnd type="arrow" w="sm" len="sm"/>
              </a:ln>
              <a:effectLst/>
            </p:spPr>
          </p:cxnSp>
          <p:sp>
            <p:nvSpPr>
              <p:cNvPr id="272" name="Rectangle 271">
                <a:extLst>
                  <a:ext uri="{FF2B5EF4-FFF2-40B4-BE49-F238E27FC236}">
                    <a16:creationId xmlns:a16="http://schemas.microsoft.com/office/drawing/2014/main" id="{27241095-8D3B-E649-AC3A-57272713D188}"/>
                  </a:ext>
                </a:extLst>
              </p:cNvPr>
              <p:cNvSpPr>
                <a:spLocks noChangeArrowheads="1"/>
              </p:cNvSpPr>
              <p:nvPr/>
            </p:nvSpPr>
            <p:spPr bwMode="auto">
              <a:xfrm>
                <a:off x="8165151" y="4653083"/>
                <a:ext cx="3588992" cy="323165"/>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srgbClr val="DC5924">
                        <a:lumMod val="75000"/>
                      </a:srgbClr>
                    </a:solidFill>
                    <a:effectLst/>
                    <a:uLnTx/>
                    <a:uFillTx/>
                    <a:latin typeface="Arial Narrow" pitchFamily="34" charset="0"/>
                    <a:ea typeface="+mn-ea"/>
                    <a:cs typeface="+mn-cs"/>
                  </a:rPr>
                  <a:t>AHRQ ACTION III Pilot Coordination</a:t>
                </a:r>
              </a:p>
            </p:txBody>
          </p:sp>
          <p:cxnSp>
            <p:nvCxnSpPr>
              <p:cNvPr id="273" name="Straight Connector 272">
                <a:extLst>
                  <a:ext uri="{FF2B5EF4-FFF2-40B4-BE49-F238E27FC236}">
                    <a16:creationId xmlns:a16="http://schemas.microsoft.com/office/drawing/2014/main" id="{83B99110-35F6-584B-B5E1-9446DF7EF6BF}"/>
                  </a:ext>
                </a:extLst>
              </p:cNvPr>
              <p:cNvCxnSpPr>
                <a:cxnSpLocks/>
              </p:cNvCxnSpPr>
              <p:nvPr/>
            </p:nvCxnSpPr>
            <p:spPr>
              <a:xfrm flipV="1">
                <a:off x="2716638" y="4548442"/>
                <a:ext cx="8921128" cy="20830"/>
              </a:xfrm>
              <a:prstGeom prst="line">
                <a:avLst/>
              </a:prstGeom>
              <a:noFill/>
              <a:ln w="50800" cap="flat" cmpd="sng" algn="ctr">
                <a:solidFill>
                  <a:srgbClr val="DC5924">
                    <a:lumMod val="75000"/>
                  </a:srgbClr>
                </a:solidFill>
                <a:prstDash val="sysDash"/>
                <a:headEnd type="oval" w="sm" len="sm"/>
                <a:tailEnd type="arrow" w="sm" len="sm"/>
              </a:ln>
              <a:effectLst/>
            </p:spPr>
          </p:cxnSp>
          <p:sp>
            <p:nvSpPr>
              <p:cNvPr id="274" name="Rectangle 273">
                <a:extLst>
                  <a:ext uri="{FF2B5EF4-FFF2-40B4-BE49-F238E27FC236}">
                    <a16:creationId xmlns:a16="http://schemas.microsoft.com/office/drawing/2014/main" id="{EA071918-A367-BE4C-8F5A-9BC7054EA6F6}"/>
                  </a:ext>
                </a:extLst>
              </p:cNvPr>
              <p:cNvSpPr>
                <a:spLocks noChangeArrowheads="1"/>
              </p:cNvSpPr>
              <p:nvPr/>
            </p:nvSpPr>
            <p:spPr bwMode="auto">
              <a:xfrm>
                <a:off x="2608304" y="4225277"/>
                <a:ext cx="3407210" cy="323165"/>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srgbClr val="DC5924">
                        <a:lumMod val="75000"/>
                      </a:srgbClr>
                    </a:solidFill>
                    <a:effectLst/>
                    <a:uLnTx/>
                    <a:uFillTx/>
                    <a:latin typeface="Arial Narrow" pitchFamily="34" charset="0"/>
                    <a:ea typeface="+mn-ea"/>
                    <a:cs typeface="+mn-cs"/>
                  </a:rPr>
                  <a:t>HL7 Patient Care Work Group Coordination</a:t>
                </a:r>
              </a:p>
            </p:txBody>
          </p:sp>
          <p:cxnSp>
            <p:nvCxnSpPr>
              <p:cNvPr id="275" name="Straight Connector 274">
                <a:extLst>
                  <a:ext uri="{FF2B5EF4-FFF2-40B4-BE49-F238E27FC236}">
                    <a16:creationId xmlns:a16="http://schemas.microsoft.com/office/drawing/2014/main" id="{59AC20CD-A4A7-794B-AFD5-B11A7AB4B9E5}"/>
                  </a:ext>
                </a:extLst>
              </p:cNvPr>
              <p:cNvCxnSpPr>
                <a:cxnSpLocks/>
              </p:cNvCxnSpPr>
              <p:nvPr/>
            </p:nvCxnSpPr>
            <p:spPr>
              <a:xfrm>
                <a:off x="2075999" y="5312532"/>
                <a:ext cx="9561767" cy="0"/>
              </a:xfrm>
              <a:prstGeom prst="line">
                <a:avLst/>
              </a:prstGeom>
              <a:noFill/>
              <a:ln w="50800" cap="flat" cmpd="sng" algn="ctr">
                <a:solidFill>
                  <a:srgbClr val="DC5924">
                    <a:lumMod val="75000"/>
                  </a:srgbClr>
                </a:solidFill>
                <a:prstDash val="sysDash"/>
                <a:headEnd type="oval" w="sm" len="sm"/>
                <a:tailEnd type="arrow" w="sm" len="sm"/>
              </a:ln>
              <a:effectLst/>
            </p:spPr>
          </p:cxnSp>
          <p:sp>
            <p:nvSpPr>
              <p:cNvPr id="276" name="Rectangle 275">
                <a:extLst>
                  <a:ext uri="{FF2B5EF4-FFF2-40B4-BE49-F238E27FC236}">
                    <a16:creationId xmlns:a16="http://schemas.microsoft.com/office/drawing/2014/main" id="{38F2B15D-FB75-2D4B-A973-4E2E66C283A2}"/>
                  </a:ext>
                </a:extLst>
              </p:cNvPr>
              <p:cNvSpPr>
                <a:spLocks noChangeArrowheads="1"/>
              </p:cNvSpPr>
              <p:nvPr/>
            </p:nvSpPr>
            <p:spPr bwMode="auto">
              <a:xfrm>
                <a:off x="5051190" y="4964776"/>
                <a:ext cx="3407210" cy="323165"/>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500" b="1" i="0" u="none" strike="noStrike" kern="0" cap="none" spc="0" normalizeH="0" baseline="0" noProof="0" dirty="0">
                    <a:ln>
                      <a:noFill/>
                    </a:ln>
                    <a:solidFill>
                      <a:srgbClr val="DC5924">
                        <a:lumMod val="75000"/>
                      </a:srgbClr>
                    </a:solidFill>
                    <a:effectLst/>
                    <a:uLnTx/>
                    <a:uFillTx/>
                    <a:latin typeface="Arial Narrow" pitchFamily="34" charset="0"/>
                    <a:ea typeface="+mn-ea"/>
                    <a:cs typeface="+mn-cs"/>
                  </a:rPr>
                  <a:t>Technical Expert Panel Coordination</a:t>
                </a:r>
              </a:p>
            </p:txBody>
          </p:sp>
        </p:grpSp>
        <p:sp>
          <p:nvSpPr>
            <p:cNvPr id="263" name="Oval 262">
              <a:extLst>
                <a:ext uri="{FF2B5EF4-FFF2-40B4-BE49-F238E27FC236}">
                  <a16:creationId xmlns:a16="http://schemas.microsoft.com/office/drawing/2014/main" id="{CBF7CF92-BCB5-9F4C-8391-12ECC4ACF5E8}"/>
                </a:ext>
              </a:extLst>
            </p:cNvPr>
            <p:cNvSpPr/>
            <p:nvPr/>
          </p:nvSpPr>
          <p:spPr>
            <a:xfrm>
              <a:off x="72025" y="1216458"/>
              <a:ext cx="299622" cy="350995"/>
            </a:xfrm>
            <a:prstGeom prst="ellipse">
              <a:avLst/>
            </a:prstGeom>
            <a:solidFill>
              <a:srgbClr val="DC5924">
                <a:lumMod val="75000"/>
              </a:srgbClr>
            </a:solidFill>
            <a:ln w="25400" cap="flat" cmpd="sng" algn="ctr">
              <a:no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solidFill>
                    <a:srgbClr val="FFFFFF"/>
                  </a:solidFill>
                  <a:effectLst/>
                  <a:uLnTx/>
                  <a:uFillTx/>
                  <a:latin typeface="Calibri"/>
                  <a:ea typeface="+mn-ea"/>
                  <a:cs typeface="+mn-cs"/>
                </a:rPr>
                <a:t>1</a:t>
              </a:r>
            </a:p>
          </p:txBody>
        </p:sp>
        <p:sp>
          <p:nvSpPr>
            <p:cNvPr id="264" name="Oval 263">
              <a:extLst>
                <a:ext uri="{FF2B5EF4-FFF2-40B4-BE49-F238E27FC236}">
                  <a16:creationId xmlns:a16="http://schemas.microsoft.com/office/drawing/2014/main" id="{4D5E15D7-B6AE-CF4A-BD48-79B00270209C}"/>
                </a:ext>
              </a:extLst>
            </p:cNvPr>
            <p:cNvSpPr/>
            <p:nvPr/>
          </p:nvSpPr>
          <p:spPr>
            <a:xfrm>
              <a:off x="88776" y="2741952"/>
              <a:ext cx="299622" cy="350995"/>
            </a:xfrm>
            <a:prstGeom prst="ellipse">
              <a:avLst/>
            </a:prstGeom>
            <a:solidFill>
              <a:srgbClr val="DC5924">
                <a:lumMod val="75000"/>
              </a:srgbClr>
            </a:solidFill>
            <a:ln w="25400" cap="flat" cmpd="sng" algn="ctr">
              <a:no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solidFill>
                    <a:srgbClr val="FFFFFF"/>
                  </a:solidFill>
                  <a:effectLst/>
                  <a:uLnTx/>
                  <a:uFillTx/>
                  <a:latin typeface="Calibri"/>
                  <a:ea typeface="+mn-ea"/>
                  <a:cs typeface="+mn-cs"/>
                </a:rPr>
                <a:t>2</a:t>
              </a:r>
            </a:p>
          </p:txBody>
        </p:sp>
        <p:sp>
          <p:nvSpPr>
            <p:cNvPr id="265" name="Oval 264">
              <a:extLst>
                <a:ext uri="{FF2B5EF4-FFF2-40B4-BE49-F238E27FC236}">
                  <a16:creationId xmlns:a16="http://schemas.microsoft.com/office/drawing/2014/main" id="{3BBEC01E-206D-1F4D-BC55-FA29D46F3E11}"/>
                </a:ext>
              </a:extLst>
            </p:cNvPr>
            <p:cNvSpPr/>
            <p:nvPr/>
          </p:nvSpPr>
          <p:spPr>
            <a:xfrm>
              <a:off x="123543" y="4454980"/>
              <a:ext cx="299622" cy="350995"/>
            </a:xfrm>
            <a:prstGeom prst="ellipse">
              <a:avLst/>
            </a:prstGeom>
            <a:solidFill>
              <a:srgbClr val="DC5924">
                <a:lumMod val="75000"/>
              </a:srgbClr>
            </a:solidFill>
            <a:ln w="25400" cap="flat" cmpd="sng" algn="ctr">
              <a:no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dirty="0">
                  <a:ln>
                    <a:noFill/>
                  </a:ln>
                  <a:solidFill>
                    <a:srgbClr val="FFFFFF"/>
                  </a:solidFill>
                  <a:effectLst/>
                  <a:uLnTx/>
                  <a:uFillTx/>
                  <a:latin typeface="Calibri"/>
                  <a:ea typeface="+mn-ea"/>
                  <a:cs typeface="+mn-cs"/>
                </a:rPr>
                <a:t>3</a:t>
              </a:r>
            </a:p>
          </p:txBody>
        </p:sp>
      </p:grpSp>
      <p:cxnSp>
        <p:nvCxnSpPr>
          <p:cNvPr id="60" name="Straight Connector 59">
            <a:extLst>
              <a:ext uri="{FF2B5EF4-FFF2-40B4-BE49-F238E27FC236}">
                <a16:creationId xmlns:a16="http://schemas.microsoft.com/office/drawing/2014/main" id="{5817BF19-A0DB-1141-89C8-DCA74375C0E2}"/>
              </a:ext>
            </a:extLst>
          </p:cNvPr>
          <p:cNvCxnSpPr>
            <a:cxnSpLocks/>
          </p:cNvCxnSpPr>
          <p:nvPr/>
        </p:nvCxnSpPr>
        <p:spPr>
          <a:xfrm>
            <a:off x="9781250" y="1332326"/>
            <a:ext cx="11745" cy="5302819"/>
          </a:xfrm>
          <a:prstGeom prst="line">
            <a:avLst/>
          </a:prstGeom>
          <a:ln w="50800">
            <a:solidFill>
              <a:schemeClr val="accent3"/>
            </a:solidFill>
            <a:prstDash val="sysDot"/>
            <a:headEnd type="oval" w="sm" len="sm"/>
            <a:tailEnd type="oval" w="sm" len="sm"/>
          </a:ln>
          <a:effectLst/>
        </p:spPr>
        <p:style>
          <a:lnRef idx="3">
            <a:schemeClr val="accent6"/>
          </a:lnRef>
          <a:fillRef idx="0">
            <a:schemeClr val="accent6"/>
          </a:fillRef>
          <a:effectRef idx="2">
            <a:schemeClr val="accent6"/>
          </a:effectRef>
          <a:fontRef idx="minor">
            <a:schemeClr val="tx1"/>
          </a:fontRef>
        </p:style>
      </p:cxnSp>
      <p:sp>
        <p:nvSpPr>
          <p:cNvPr id="61" name="Rectangle 49">
            <a:extLst>
              <a:ext uri="{FF2B5EF4-FFF2-40B4-BE49-F238E27FC236}">
                <a16:creationId xmlns:a16="http://schemas.microsoft.com/office/drawing/2014/main" id="{54C4BAF8-2A71-8C43-81E1-F0F6EFF7EEC4}"/>
              </a:ext>
            </a:extLst>
          </p:cNvPr>
          <p:cNvSpPr>
            <a:spLocks noChangeArrowheads="1"/>
          </p:cNvSpPr>
          <p:nvPr/>
        </p:nvSpPr>
        <p:spPr bwMode="auto">
          <a:xfrm>
            <a:off x="8872734" y="6635145"/>
            <a:ext cx="1907668" cy="276999"/>
          </a:xfrm>
          <a:prstGeom prst="rect">
            <a:avLst/>
          </a:prstGeom>
          <a:noFill/>
          <a:ln>
            <a:solidFill>
              <a:schemeClr val="accent3"/>
            </a:solid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Calibri" pitchFamily="34" charset="0"/>
                <a:ea typeface="MS PGothic" pitchFamily="34" charset="-128"/>
              </a:defRPr>
            </a:lvl1pPr>
            <a:lvl2pPr marL="742950" indent="-285750" eaLnBrk="0" hangingPunct="0">
              <a:defRPr sz="2400">
                <a:solidFill>
                  <a:schemeClr val="tx1"/>
                </a:solidFill>
                <a:latin typeface="Calibri" pitchFamily="34" charset="0"/>
                <a:ea typeface="MS PGothic" pitchFamily="34" charset="-128"/>
              </a:defRPr>
            </a:lvl2pPr>
            <a:lvl3pPr marL="1143000" indent="-228600" eaLnBrk="0" hangingPunct="0">
              <a:defRPr sz="2400">
                <a:solidFill>
                  <a:schemeClr val="tx1"/>
                </a:solidFill>
                <a:latin typeface="Calibri" pitchFamily="34" charset="0"/>
                <a:ea typeface="MS PGothic" pitchFamily="34" charset="-128"/>
              </a:defRPr>
            </a:lvl3pPr>
            <a:lvl4pPr marL="1600200" indent="-228600" eaLnBrk="0" hangingPunct="0">
              <a:defRPr sz="2400">
                <a:solidFill>
                  <a:schemeClr val="tx1"/>
                </a:solidFill>
                <a:latin typeface="Calibri" pitchFamily="34" charset="0"/>
                <a:ea typeface="MS PGothic" pitchFamily="34" charset="-128"/>
              </a:defRPr>
            </a:lvl4pPr>
            <a:lvl5pPr marL="2057400" indent="-228600" eaLnBrk="0" hangingPunct="0">
              <a:defRPr sz="2400">
                <a:solidFill>
                  <a:schemeClr val="tx1"/>
                </a:solidFill>
                <a:latin typeface="Calibri" pitchFamily="34" charset="0"/>
                <a:ea typeface="MS PGothic" pitchFamily="34" charset="-128"/>
              </a:defRPr>
            </a:lvl5pPr>
            <a:lvl6pPr marL="2514600" indent="-228600" eaLnBrk="0" fontAlgn="base" hangingPunct="0">
              <a:spcBef>
                <a:spcPct val="0"/>
              </a:spcBef>
              <a:spcAft>
                <a:spcPct val="0"/>
              </a:spcAft>
              <a:defRPr sz="2400">
                <a:solidFill>
                  <a:schemeClr val="tx1"/>
                </a:solidFill>
                <a:latin typeface="Calibri" pitchFamily="34" charset="0"/>
                <a:ea typeface="MS PGothic" pitchFamily="34" charset="-128"/>
              </a:defRPr>
            </a:lvl6pPr>
            <a:lvl7pPr marL="2971800" indent="-228600" eaLnBrk="0" fontAlgn="base" hangingPunct="0">
              <a:spcBef>
                <a:spcPct val="0"/>
              </a:spcBef>
              <a:spcAft>
                <a:spcPct val="0"/>
              </a:spcAft>
              <a:defRPr sz="2400">
                <a:solidFill>
                  <a:schemeClr val="tx1"/>
                </a:solidFill>
                <a:latin typeface="Calibri" pitchFamily="34" charset="0"/>
                <a:ea typeface="MS PGothic" pitchFamily="34" charset="-128"/>
              </a:defRPr>
            </a:lvl7pPr>
            <a:lvl8pPr marL="3429000" indent="-228600" eaLnBrk="0" fontAlgn="base" hangingPunct="0">
              <a:spcBef>
                <a:spcPct val="0"/>
              </a:spcBef>
              <a:spcAft>
                <a:spcPct val="0"/>
              </a:spcAft>
              <a:defRPr sz="2400">
                <a:solidFill>
                  <a:schemeClr val="tx1"/>
                </a:solidFill>
                <a:latin typeface="Calibri" pitchFamily="34" charset="0"/>
                <a:ea typeface="MS PGothic" pitchFamily="34" charset="-128"/>
              </a:defRPr>
            </a:lvl8pPr>
            <a:lvl9pPr marL="3886200" indent="-228600" eaLnBrk="0" fontAlgn="base" hangingPunct="0">
              <a:spcBef>
                <a:spcPct val="0"/>
              </a:spcBef>
              <a:spcAft>
                <a:spcPct val="0"/>
              </a:spcAft>
              <a:defRPr sz="2400">
                <a:solidFill>
                  <a:schemeClr val="tx1"/>
                </a:solidFill>
                <a:latin typeface="Calibri" pitchFamily="34" charset="0"/>
                <a:ea typeface="MS PGothic" pitchFamily="34" charset="-128"/>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1200" b="1" i="0" u="none" strike="noStrike" kern="1200" cap="none" spc="0" normalizeH="0" baseline="0" noProof="0" dirty="0">
                <a:ln>
                  <a:noFill/>
                </a:ln>
                <a:solidFill>
                  <a:srgbClr val="9BBB59"/>
                </a:solidFill>
                <a:effectLst/>
                <a:uLnTx/>
                <a:uFillTx/>
                <a:latin typeface="Arial Narrow" pitchFamily="34" charset="0"/>
                <a:ea typeface="MS PGothic" pitchFamily="34" charset="-128"/>
                <a:cs typeface="Arial" pitchFamily="34" charset="0"/>
              </a:rPr>
              <a:t>WE ARE HERE</a:t>
            </a:r>
          </a:p>
        </p:txBody>
      </p:sp>
    </p:spTree>
    <p:extLst>
      <p:ext uri="{BB962C8B-B14F-4D97-AF65-F5344CB8AC3E}">
        <p14:creationId xmlns:p14="http://schemas.microsoft.com/office/powerpoint/2010/main" val="22551209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9DB44522-DC9A-6E45-986D-07DF9A36A648}"/>
              </a:ext>
            </a:extLst>
          </p:cNvPr>
          <p:cNvSpPr>
            <a:spLocks noGrp="1"/>
          </p:cNvSpPr>
          <p:nvPr>
            <p:ph type="title" idx="4294967295"/>
          </p:nvPr>
        </p:nvSpPr>
        <p:spPr>
          <a:xfrm>
            <a:off x="437605" y="-84335"/>
            <a:ext cx="10972800" cy="682626"/>
          </a:xfrm>
        </p:spPr>
        <p:txBody>
          <a:bodyPr>
            <a:normAutofit/>
          </a:bodyPr>
          <a:lstStyle/>
          <a:p>
            <a:pPr algn="ctr"/>
            <a:r>
              <a:rPr lang="en-US" sz="3200" b="1" dirty="0"/>
              <a:t>Multiple Chronic Conditions eCare Plan Roadmap</a:t>
            </a:r>
          </a:p>
        </p:txBody>
      </p:sp>
      <p:cxnSp>
        <p:nvCxnSpPr>
          <p:cNvPr id="68" name="Straight Connector 67">
            <a:extLst>
              <a:ext uri="{FF2B5EF4-FFF2-40B4-BE49-F238E27FC236}">
                <a16:creationId xmlns:a16="http://schemas.microsoft.com/office/drawing/2014/main" id="{C848FA08-E2ED-804C-987D-D823FECF762A}"/>
              </a:ext>
            </a:extLst>
          </p:cNvPr>
          <p:cNvCxnSpPr/>
          <p:nvPr/>
        </p:nvCxnSpPr>
        <p:spPr>
          <a:xfrm>
            <a:off x="1013986" y="579882"/>
            <a:ext cx="0" cy="210655"/>
          </a:xfrm>
          <a:prstGeom prst="line">
            <a:avLst/>
          </a:prstGeom>
          <a:ln>
            <a:solidFill>
              <a:schemeClr val="accent5"/>
            </a:solidFill>
            <a:prstDash val="sysDot"/>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C848FA08-E2ED-804C-987D-D823FECF762A}"/>
              </a:ext>
            </a:extLst>
          </p:cNvPr>
          <p:cNvCxnSpPr/>
          <p:nvPr/>
        </p:nvCxnSpPr>
        <p:spPr>
          <a:xfrm>
            <a:off x="4952940" y="571915"/>
            <a:ext cx="0" cy="210655"/>
          </a:xfrm>
          <a:prstGeom prst="line">
            <a:avLst/>
          </a:prstGeom>
          <a:ln>
            <a:solidFill>
              <a:schemeClr val="accent5"/>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848FA08-E2ED-804C-987D-D823FECF762A}"/>
              </a:ext>
            </a:extLst>
          </p:cNvPr>
          <p:cNvCxnSpPr/>
          <p:nvPr/>
        </p:nvCxnSpPr>
        <p:spPr>
          <a:xfrm>
            <a:off x="8948165" y="571915"/>
            <a:ext cx="0" cy="210655"/>
          </a:xfrm>
          <a:prstGeom prst="line">
            <a:avLst/>
          </a:prstGeom>
          <a:ln>
            <a:solidFill>
              <a:schemeClr val="accent5"/>
            </a:solidFill>
            <a:prstDash val="sysDot"/>
          </a:ln>
        </p:spPr>
        <p:style>
          <a:lnRef idx="1">
            <a:schemeClr val="accent1"/>
          </a:lnRef>
          <a:fillRef idx="0">
            <a:schemeClr val="accent1"/>
          </a:fillRef>
          <a:effectRef idx="0">
            <a:schemeClr val="accent1"/>
          </a:effectRef>
          <a:fontRef idx="minor">
            <a:schemeClr val="tx1"/>
          </a:fontRef>
        </p:style>
      </p:cxnSp>
      <p:sp>
        <p:nvSpPr>
          <p:cNvPr id="74" name="TextBox 73">
            <a:extLst>
              <a:ext uri="{FF2B5EF4-FFF2-40B4-BE49-F238E27FC236}">
                <a16:creationId xmlns:a16="http://schemas.microsoft.com/office/drawing/2014/main" id="{A59AE451-CA61-F447-A51F-74877D8F36E6}"/>
              </a:ext>
            </a:extLst>
          </p:cNvPr>
          <p:cNvSpPr txBox="1"/>
          <p:nvPr/>
        </p:nvSpPr>
        <p:spPr>
          <a:xfrm>
            <a:off x="298102" y="448680"/>
            <a:ext cx="622995" cy="30777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2019</a:t>
            </a:r>
          </a:p>
        </p:txBody>
      </p:sp>
      <p:sp>
        <p:nvSpPr>
          <p:cNvPr id="75" name="TextBox 74">
            <a:extLst>
              <a:ext uri="{FF2B5EF4-FFF2-40B4-BE49-F238E27FC236}">
                <a16:creationId xmlns:a16="http://schemas.microsoft.com/office/drawing/2014/main" id="{A59AE451-CA61-F447-A51F-74877D8F36E6}"/>
              </a:ext>
            </a:extLst>
          </p:cNvPr>
          <p:cNvSpPr txBox="1"/>
          <p:nvPr/>
        </p:nvSpPr>
        <p:spPr>
          <a:xfrm>
            <a:off x="2769263" y="448679"/>
            <a:ext cx="622995" cy="30777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2020</a:t>
            </a:r>
          </a:p>
        </p:txBody>
      </p:sp>
      <p:sp>
        <p:nvSpPr>
          <p:cNvPr id="76" name="TextBox 75">
            <a:extLst>
              <a:ext uri="{FF2B5EF4-FFF2-40B4-BE49-F238E27FC236}">
                <a16:creationId xmlns:a16="http://schemas.microsoft.com/office/drawing/2014/main" id="{A59AE451-CA61-F447-A51F-74877D8F36E6}"/>
              </a:ext>
            </a:extLst>
          </p:cNvPr>
          <p:cNvSpPr txBox="1"/>
          <p:nvPr/>
        </p:nvSpPr>
        <p:spPr>
          <a:xfrm>
            <a:off x="6738382" y="445124"/>
            <a:ext cx="622995" cy="30777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2021</a:t>
            </a:r>
          </a:p>
        </p:txBody>
      </p:sp>
      <p:sp>
        <p:nvSpPr>
          <p:cNvPr id="77" name="TextBox 76">
            <a:extLst>
              <a:ext uri="{FF2B5EF4-FFF2-40B4-BE49-F238E27FC236}">
                <a16:creationId xmlns:a16="http://schemas.microsoft.com/office/drawing/2014/main" id="{A59AE451-CA61-F447-A51F-74877D8F36E6}"/>
              </a:ext>
            </a:extLst>
          </p:cNvPr>
          <p:cNvSpPr txBox="1"/>
          <p:nvPr/>
        </p:nvSpPr>
        <p:spPr>
          <a:xfrm>
            <a:off x="10223456" y="460204"/>
            <a:ext cx="622995" cy="30777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2022</a:t>
            </a:r>
          </a:p>
        </p:txBody>
      </p:sp>
      <p:sp>
        <p:nvSpPr>
          <p:cNvPr id="87" name="TextBox 86">
            <a:extLst>
              <a:ext uri="{FF2B5EF4-FFF2-40B4-BE49-F238E27FC236}">
                <a16:creationId xmlns:a16="http://schemas.microsoft.com/office/drawing/2014/main" id="{046AC3C6-7017-1D4A-ADCC-47B89D159A46}"/>
              </a:ext>
            </a:extLst>
          </p:cNvPr>
          <p:cNvSpPr txBox="1"/>
          <p:nvPr/>
        </p:nvSpPr>
        <p:spPr>
          <a:xfrm>
            <a:off x="5484084" y="1159307"/>
            <a:ext cx="6707916"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Arial Narrow" panose="020B0604020202020204" pitchFamily="34" charset="0"/>
                <a:ea typeface="+mn-ea"/>
                <a:cs typeface="Arial Narrow" panose="020B0604020202020204" pitchFamily="34" charset="0"/>
              </a:rPr>
              <a:t>Expand e-care plan app &amp; IG to include CVD, T2D, Pain and Pilot feedback </a:t>
            </a:r>
          </a:p>
        </p:txBody>
      </p:sp>
      <p:grpSp>
        <p:nvGrpSpPr>
          <p:cNvPr id="6" name="Group 5">
            <a:extLst>
              <a:ext uri="{FF2B5EF4-FFF2-40B4-BE49-F238E27FC236}">
                <a16:creationId xmlns:a16="http://schemas.microsoft.com/office/drawing/2014/main" id="{27CAB209-619A-E341-8C90-33857B935393}"/>
              </a:ext>
            </a:extLst>
          </p:cNvPr>
          <p:cNvGrpSpPr/>
          <p:nvPr/>
        </p:nvGrpSpPr>
        <p:grpSpPr>
          <a:xfrm>
            <a:off x="-17743" y="802062"/>
            <a:ext cx="12024212" cy="6101242"/>
            <a:chOff x="-130393" y="960302"/>
            <a:chExt cx="12358934" cy="6101242"/>
          </a:xfrm>
        </p:grpSpPr>
        <p:sp>
          <p:nvSpPr>
            <p:cNvPr id="24" name="Rectangle 23">
              <a:extLst>
                <a:ext uri="{FF2B5EF4-FFF2-40B4-BE49-F238E27FC236}">
                  <a16:creationId xmlns:a16="http://schemas.microsoft.com/office/drawing/2014/main" id="{1CB28AC1-517B-E14E-A86C-AF7FBFF56F25}"/>
                </a:ext>
              </a:extLst>
            </p:cNvPr>
            <p:cNvSpPr/>
            <p:nvPr/>
          </p:nvSpPr>
          <p:spPr>
            <a:xfrm rot="16200000">
              <a:off x="5631795" y="-2488900"/>
              <a:ext cx="943809" cy="12201307"/>
            </a:xfrm>
            <a:prstGeom prst="rect">
              <a:avLst/>
            </a:prstGeom>
            <a:solidFill>
              <a:srgbClr val="DAE3F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2" name="Rectangle 1">
              <a:extLst>
                <a:ext uri="{FF2B5EF4-FFF2-40B4-BE49-F238E27FC236}">
                  <a16:creationId xmlns:a16="http://schemas.microsoft.com/office/drawing/2014/main" id="{1693C313-BC17-684B-AE38-08479A63CC92}"/>
                </a:ext>
              </a:extLst>
            </p:cNvPr>
            <p:cNvSpPr/>
            <p:nvPr/>
          </p:nvSpPr>
          <p:spPr>
            <a:xfrm>
              <a:off x="8078465" y="5579869"/>
              <a:ext cx="4120284" cy="117403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43" name="Rectangle 42">
              <a:extLst>
                <a:ext uri="{FF2B5EF4-FFF2-40B4-BE49-F238E27FC236}">
                  <a16:creationId xmlns:a16="http://schemas.microsoft.com/office/drawing/2014/main" id="{22F82E50-79AE-DC46-8096-44FB8BE54801}"/>
                </a:ext>
              </a:extLst>
            </p:cNvPr>
            <p:cNvSpPr/>
            <p:nvPr/>
          </p:nvSpPr>
          <p:spPr>
            <a:xfrm rot="16200000">
              <a:off x="5761966" y="-827073"/>
              <a:ext cx="567474" cy="12292597"/>
            </a:xfrm>
            <a:prstGeom prst="rect">
              <a:avLst/>
            </a:prstGeom>
            <a:solidFill>
              <a:schemeClr val="accent6">
                <a:lumMod val="20000"/>
                <a:lumOff val="8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27" name="Rectangle 26">
              <a:extLst>
                <a:ext uri="{FF2B5EF4-FFF2-40B4-BE49-F238E27FC236}">
                  <a16:creationId xmlns:a16="http://schemas.microsoft.com/office/drawing/2014/main" id="{EDA01A87-731A-474E-9DD3-812994D1C4DD}"/>
                </a:ext>
              </a:extLst>
            </p:cNvPr>
            <p:cNvSpPr/>
            <p:nvPr/>
          </p:nvSpPr>
          <p:spPr>
            <a:xfrm rot="16200000">
              <a:off x="5678315" y="-1558159"/>
              <a:ext cx="826066" cy="12201306"/>
            </a:xfrm>
            <a:prstGeom prst="rect">
              <a:avLst/>
            </a:prstGeom>
            <a:solidFill>
              <a:schemeClr val="accent4">
                <a:lumMod val="60000"/>
                <a:lumOff val="4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26" name="Rectangle 25">
              <a:extLst>
                <a:ext uri="{FF2B5EF4-FFF2-40B4-BE49-F238E27FC236}">
                  <a16:creationId xmlns:a16="http://schemas.microsoft.com/office/drawing/2014/main" id="{FCE5C102-5D0A-2349-9ECF-15F2647041B6}"/>
                </a:ext>
              </a:extLst>
            </p:cNvPr>
            <p:cNvSpPr/>
            <p:nvPr/>
          </p:nvSpPr>
          <p:spPr>
            <a:xfrm rot="16200000">
              <a:off x="5648848" y="-3483127"/>
              <a:ext cx="933893" cy="12225493"/>
            </a:xfrm>
            <a:prstGeom prst="rect">
              <a:avLst/>
            </a:prstGeom>
            <a:solidFill>
              <a:schemeClr val="accent3">
                <a:lumMod val="40000"/>
                <a:lumOff val="6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23" name="Rectangle 22">
              <a:extLst>
                <a:ext uri="{FF2B5EF4-FFF2-40B4-BE49-F238E27FC236}">
                  <a16:creationId xmlns:a16="http://schemas.microsoft.com/office/drawing/2014/main" id="{1A920E92-6188-B14A-A6F6-69FA869FFE20}"/>
                </a:ext>
              </a:extLst>
            </p:cNvPr>
            <p:cNvSpPr/>
            <p:nvPr/>
          </p:nvSpPr>
          <p:spPr>
            <a:xfrm rot="16200000">
              <a:off x="5632491" y="-4463425"/>
              <a:ext cx="933893" cy="12225492"/>
            </a:xfrm>
            <a:prstGeom prst="rect">
              <a:avLst/>
            </a:prstGeom>
            <a:solidFill>
              <a:schemeClr val="accent5">
                <a:lumMod val="40000"/>
                <a:lumOff val="6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62" name="Rectangle 49"/>
            <p:cNvSpPr>
              <a:spLocks noChangeArrowheads="1"/>
            </p:cNvSpPr>
            <p:nvPr/>
          </p:nvSpPr>
          <p:spPr bwMode="auto">
            <a:xfrm>
              <a:off x="177068" y="6784545"/>
              <a:ext cx="1974956" cy="276999"/>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Calibri" pitchFamily="34" charset="0"/>
                  <a:ea typeface="MS PGothic" pitchFamily="34" charset="-128"/>
                </a:defRPr>
              </a:lvl1pPr>
              <a:lvl2pPr marL="742950" indent="-285750" eaLnBrk="0" hangingPunct="0">
                <a:defRPr sz="2400">
                  <a:solidFill>
                    <a:schemeClr val="tx1"/>
                  </a:solidFill>
                  <a:latin typeface="Calibri" pitchFamily="34" charset="0"/>
                  <a:ea typeface="MS PGothic" pitchFamily="34" charset="-128"/>
                </a:defRPr>
              </a:lvl2pPr>
              <a:lvl3pPr marL="1143000" indent="-228600" eaLnBrk="0" hangingPunct="0">
                <a:defRPr sz="2400">
                  <a:solidFill>
                    <a:schemeClr val="tx1"/>
                  </a:solidFill>
                  <a:latin typeface="Calibri" pitchFamily="34" charset="0"/>
                  <a:ea typeface="MS PGothic" pitchFamily="34" charset="-128"/>
                </a:defRPr>
              </a:lvl3pPr>
              <a:lvl4pPr marL="1600200" indent="-228600" eaLnBrk="0" hangingPunct="0">
                <a:defRPr sz="2400">
                  <a:solidFill>
                    <a:schemeClr val="tx1"/>
                  </a:solidFill>
                  <a:latin typeface="Calibri" pitchFamily="34" charset="0"/>
                  <a:ea typeface="MS PGothic" pitchFamily="34" charset="-128"/>
                </a:defRPr>
              </a:lvl4pPr>
              <a:lvl5pPr marL="2057400" indent="-228600" eaLnBrk="0" hangingPunct="0">
                <a:defRPr sz="2400">
                  <a:solidFill>
                    <a:schemeClr val="tx1"/>
                  </a:solidFill>
                  <a:latin typeface="Calibri" pitchFamily="34" charset="0"/>
                  <a:ea typeface="MS PGothic" pitchFamily="34" charset="-128"/>
                </a:defRPr>
              </a:lvl5pPr>
              <a:lvl6pPr marL="2514600" indent="-228600" eaLnBrk="0" fontAlgn="base" hangingPunct="0">
                <a:spcBef>
                  <a:spcPct val="0"/>
                </a:spcBef>
                <a:spcAft>
                  <a:spcPct val="0"/>
                </a:spcAft>
                <a:defRPr sz="2400">
                  <a:solidFill>
                    <a:schemeClr val="tx1"/>
                  </a:solidFill>
                  <a:latin typeface="Calibri" pitchFamily="34" charset="0"/>
                  <a:ea typeface="MS PGothic" pitchFamily="34" charset="-128"/>
                </a:defRPr>
              </a:lvl6pPr>
              <a:lvl7pPr marL="2971800" indent="-228600" eaLnBrk="0" fontAlgn="base" hangingPunct="0">
                <a:spcBef>
                  <a:spcPct val="0"/>
                </a:spcBef>
                <a:spcAft>
                  <a:spcPct val="0"/>
                </a:spcAft>
                <a:defRPr sz="2400">
                  <a:solidFill>
                    <a:schemeClr val="tx1"/>
                  </a:solidFill>
                  <a:latin typeface="Calibri" pitchFamily="34" charset="0"/>
                  <a:ea typeface="MS PGothic" pitchFamily="34" charset="-128"/>
                </a:defRPr>
              </a:lvl7pPr>
              <a:lvl8pPr marL="3429000" indent="-228600" eaLnBrk="0" fontAlgn="base" hangingPunct="0">
                <a:spcBef>
                  <a:spcPct val="0"/>
                </a:spcBef>
                <a:spcAft>
                  <a:spcPct val="0"/>
                </a:spcAft>
                <a:defRPr sz="2400">
                  <a:solidFill>
                    <a:schemeClr val="tx1"/>
                  </a:solidFill>
                  <a:latin typeface="Calibri" pitchFamily="34" charset="0"/>
                  <a:ea typeface="MS PGothic" pitchFamily="34" charset="-128"/>
                </a:defRPr>
              </a:lvl8pPr>
              <a:lvl9pPr marL="3886200" indent="-228600" eaLnBrk="0" fontAlgn="base" hangingPunct="0">
                <a:spcBef>
                  <a:spcPct val="0"/>
                </a:spcBef>
                <a:spcAft>
                  <a:spcPct val="0"/>
                </a:spcAft>
                <a:defRPr sz="2400">
                  <a:solidFill>
                    <a:schemeClr val="tx1"/>
                  </a:solidFill>
                  <a:latin typeface="Calibri" pitchFamily="34" charset="0"/>
                  <a:ea typeface="MS PGothic" pitchFamily="34" charset="-128"/>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dirty="0">
                  <a:ln>
                    <a:noFill/>
                  </a:ln>
                  <a:solidFill>
                    <a:srgbClr val="44546A"/>
                  </a:solidFill>
                  <a:effectLst/>
                  <a:uLnTx/>
                  <a:uFillTx/>
                  <a:latin typeface="Arial Narrow" panose="020B0604020202020204" pitchFamily="34" charset="0"/>
                  <a:ea typeface="MS PGothic" pitchFamily="34" charset="-128"/>
                  <a:cs typeface="Arial Narrow" panose="020B0604020202020204" pitchFamily="34" charset="0"/>
                </a:rPr>
                <a:t>Project Kick-Off 20190923</a:t>
              </a:r>
            </a:p>
          </p:txBody>
        </p:sp>
        <p:sp>
          <p:nvSpPr>
            <p:cNvPr id="70" name="5-Point Star 69"/>
            <p:cNvSpPr/>
            <p:nvPr/>
          </p:nvSpPr>
          <p:spPr>
            <a:xfrm>
              <a:off x="159187" y="6813814"/>
              <a:ext cx="164592" cy="164592"/>
            </a:xfrm>
            <a:prstGeom prst="star5">
              <a:avLst/>
            </a:prstGeom>
            <a:solidFill>
              <a:srgbClr val="FFC000"/>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graphicFrame>
          <p:nvGraphicFramePr>
            <p:cNvPr id="66" name="Diagram 65">
              <a:extLst>
                <a:ext uri="{FF2B5EF4-FFF2-40B4-BE49-F238E27FC236}">
                  <a16:creationId xmlns:a16="http://schemas.microsoft.com/office/drawing/2014/main" id="{13748AC0-46A7-D14C-B359-93342CC295B1}"/>
                </a:ext>
              </a:extLst>
            </p:cNvPr>
            <p:cNvGraphicFramePr/>
            <p:nvPr/>
          </p:nvGraphicFramePr>
          <p:xfrm>
            <a:off x="0" y="960302"/>
            <a:ext cx="12216399" cy="280667"/>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3" name="TextBox 2"/>
            <p:cNvSpPr txBox="1"/>
            <p:nvPr/>
          </p:nvSpPr>
          <p:spPr>
            <a:xfrm>
              <a:off x="-20212" y="1278131"/>
              <a:ext cx="3884515"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1. Develop eCare Plan FHIR IG and APP</a:t>
              </a:r>
            </a:p>
          </p:txBody>
        </p:sp>
        <p:sp>
          <p:nvSpPr>
            <p:cNvPr id="78" name="TextBox 77"/>
            <p:cNvSpPr txBox="1"/>
            <p:nvPr/>
          </p:nvSpPr>
          <p:spPr>
            <a:xfrm>
              <a:off x="-3859" y="2207707"/>
              <a:ext cx="2141407"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2. Facilitate Pilots</a:t>
              </a:r>
            </a:p>
          </p:txBody>
        </p:sp>
        <p:sp>
          <p:nvSpPr>
            <p:cNvPr id="79" name="TextBox 78"/>
            <p:cNvSpPr txBox="1"/>
            <p:nvPr/>
          </p:nvSpPr>
          <p:spPr>
            <a:xfrm>
              <a:off x="13634" y="3151341"/>
              <a:ext cx="3774128"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3. Establish Collaborative</a:t>
              </a:r>
            </a:p>
          </p:txBody>
        </p:sp>
        <p:sp>
          <p:nvSpPr>
            <p:cNvPr id="80" name="TextBox 79"/>
            <p:cNvSpPr txBox="1"/>
            <p:nvPr/>
          </p:nvSpPr>
          <p:spPr>
            <a:xfrm>
              <a:off x="28997" y="4128482"/>
              <a:ext cx="3935972"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4. Expand the DESS</a:t>
              </a:r>
            </a:p>
          </p:txBody>
        </p:sp>
        <p:sp>
          <p:nvSpPr>
            <p:cNvPr id="81" name="TextBox 80"/>
            <p:cNvSpPr txBox="1"/>
            <p:nvPr/>
          </p:nvSpPr>
          <p:spPr>
            <a:xfrm>
              <a:off x="6694" y="5109831"/>
              <a:ext cx="4659184"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5. Disseminate project deliverables</a:t>
              </a:r>
            </a:p>
          </p:txBody>
        </p:sp>
        <p:sp>
          <p:nvSpPr>
            <p:cNvPr id="85" name="TextBox 84">
              <a:extLst>
                <a:ext uri="{FF2B5EF4-FFF2-40B4-BE49-F238E27FC236}">
                  <a16:creationId xmlns:a16="http://schemas.microsoft.com/office/drawing/2014/main" id="{4EF6261A-4F6A-B540-AC05-22EE7A64F57E}"/>
                </a:ext>
              </a:extLst>
            </p:cNvPr>
            <p:cNvSpPr txBox="1"/>
            <p:nvPr/>
          </p:nvSpPr>
          <p:spPr>
            <a:xfrm>
              <a:off x="-130393" y="1614592"/>
              <a:ext cx="4796271"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Arial Narrow" panose="020B0604020202020204" pitchFamily="34" charset="0"/>
                  <a:ea typeface="+mn-ea"/>
                  <a:cs typeface="Arial Narrow" panose="020B0604020202020204" pitchFamily="34" charset="0"/>
                </a:rPr>
                <a:t>Develop CIM, e-care plan app &amp; IG for CKD</a:t>
              </a:r>
            </a:p>
          </p:txBody>
        </p:sp>
        <p:sp>
          <p:nvSpPr>
            <p:cNvPr id="91" name="TextBox 90">
              <a:extLst>
                <a:ext uri="{FF2B5EF4-FFF2-40B4-BE49-F238E27FC236}">
                  <a16:creationId xmlns:a16="http://schemas.microsoft.com/office/drawing/2014/main" id="{05C9FBB6-D6C2-4E42-B6B8-F2B6B31D9219}"/>
                </a:ext>
              </a:extLst>
            </p:cNvPr>
            <p:cNvSpPr txBox="1"/>
            <p:nvPr/>
          </p:nvSpPr>
          <p:spPr>
            <a:xfrm>
              <a:off x="6038626" y="2174412"/>
              <a:ext cx="4284259"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Arial Narrow" panose="020B0604020202020204" pitchFamily="34" charset="0"/>
                  <a:ea typeface="+mn-ea"/>
                  <a:cs typeface="Arial Narrow" panose="020B0604020202020204" pitchFamily="34" charset="0"/>
                </a:rPr>
                <a:t>Implement, test &amp; evaluate e-care plan APP</a:t>
              </a:r>
            </a:p>
          </p:txBody>
        </p:sp>
        <p:sp>
          <p:nvSpPr>
            <p:cNvPr id="94" name="TextBox 93">
              <a:extLst>
                <a:ext uri="{FF2B5EF4-FFF2-40B4-BE49-F238E27FC236}">
                  <a16:creationId xmlns:a16="http://schemas.microsoft.com/office/drawing/2014/main" id="{DE877DD4-E32A-9A41-B24D-21264AE019AA}"/>
                </a:ext>
              </a:extLst>
            </p:cNvPr>
            <p:cNvSpPr txBox="1"/>
            <p:nvPr/>
          </p:nvSpPr>
          <p:spPr>
            <a:xfrm>
              <a:off x="115080" y="4433527"/>
              <a:ext cx="5480259"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Arial Narrow" panose="020B0604020202020204" pitchFamily="34" charset="0"/>
                  <a:ea typeface="+mn-ea"/>
                  <a:cs typeface="Arial Narrow" panose="020B0604020202020204" pitchFamily="34" charset="0"/>
                </a:rPr>
                <a:t>Expand e-care plan data elements &amp; standards: CVD, T2D, Pain</a:t>
              </a:r>
            </a:p>
          </p:txBody>
        </p:sp>
        <p:sp>
          <p:nvSpPr>
            <p:cNvPr id="97" name="TextBox 96">
              <a:extLst>
                <a:ext uri="{FF2B5EF4-FFF2-40B4-BE49-F238E27FC236}">
                  <a16:creationId xmlns:a16="http://schemas.microsoft.com/office/drawing/2014/main" id="{AB74CCC3-E0D4-834E-8D35-FEB104A8BCF0}"/>
                </a:ext>
              </a:extLst>
            </p:cNvPr>
            <p:cNvSpPr txBox="1"/>
            <p:nvPr/>
          </p:nvSpPr>
          <p:spPr>
            <a:xfrm>
              <a:off x="5106642" y="5048281"/>
              <a:ext cx="7105539"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Arial Narrow" panose="020B0604020202020204" pitchFamily="34" charset="0"/>
                  <a:ea typeface="+mn-ea"/>
                  <a:cs typeface="Arial Narrow" panose="020B0604020202020204" pitchFamily="34" charset="0"/>
                </a:rPr>
                <a:t>Disseminate deliverable through open source channels</a:t>
              </a:r>
            </a:p>
          </p:txBody>
        </p:sp>
        <p:sp>
          <p:nvSpPr>
            <p:cNvPr id="5" name="Rectangle 4"/>
            <p:cNvSpPr/>
            <p:nvPr/>
          </p:nvSpPr>
          <p:spPr>
            <a:xfrm>
              <a:off x="8832028" y="6576052"/>
              <a:ext cx="527125" cy="15634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46" name="Rectangle 45">
              <a:extLst>
                <a:ext uri="{FF2B5EF4-FFF2-40B4-BE49-F238E27FC236}">
                  <a16:creationId xmlns:a16="http://schemas.microsoft.com/office/drawing/2014/main" id="{52339D3B-05BA-2F48-976E-301093827570}"/>
                </a:ext>
              </a:extLst>
            </p:cNvPr>
            <p:cNvSpPr>
              <a:spLocks noChangeArrowheads="1"/>
            </p:cNvSpPr>
            <p:nvPr/>
          </p:nvSpPr>
          <p:spPr bwMode="auto">
            <a:xfrm>
              <a:off x="1234261" y="2643201"/>
              <a:ext cx="1783699" cy="338554"/>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Arial Narrow" panose="020B0604020202020204" pitchFamily="34" charset="0"/>
                  <a:ea typeface="+mn-ea"/>
                  <a:cs typeface="Arial Narrow" panose="020B0604020202020204" pitchFamily="34" charset="0"/>
                </a:rPr>
                <a:t>Identify Pilot Sites</a:t>
              </a:r>
            </a:p>
          </p:txBody>
        </p:sp>
        <p:sp>
          <p:nvSpPr>
            <p:cNvPr id="48" name="Rectangle 47">
              <a:extLst>
                <a:ext uri="{FF2B5EF4-FFF2-40B4-BE49-F238E27FC236}">
                  <a16:creationId xmlns:a16="http://schemas.microsoft.com/office/drawing/2014/main" id="{B002BEE5-14FF-024A-8D81-0A3607CF9A2B}"/>
                </a:ext>
              </a:extLst>
            </p:cNvPr>
            <p:cNvSpPr>
              <a:spLocks noChangeArrowheads="1"/>
            </p:cNvSpPr>
            <p:nvPr/>
          </p:nvSpPr>
          <p:spPr bwMode="auto">
            <a:xfrm>
              <a:off x="3401162" y="2575651"/>
              <a:ext cx="4455179" cy="338554"/>
            </a:xfrm>
            <a:prstGeom prst="rect">
              <a:avLst/>
            </a:prstGeom>
            <a:noFill/>
            <a:ln w="9525">
              <a:noFill/>
              <a:miter lim="800000"/>
              <a:headEnd/>
              <a:tailEnd/>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Arial Narrow" panose="020B0604020202020204" pitchFamily="34" charset="0"/>
                  <a:ea typeface="+mn-ea"/>
                  <a:cs typeface="Arial Narrow" panose="020B0604020202020204" pitchFamily="34" charset="0"/>
                </a:rPr>
                <a:t>Coordination with pilot sites</a:t>
              </a:r>
            </a:p>
          </p:txBody>
        </p:sp>
        <p:cxnSp>
          <p:nvCxnSpPr>
            <p:cNvPr id="49" name="Straight Connector 48">
              <a:extLst>
                <a:ext uri="{FF2B5EF4-FFF2-40B4-BE49-F238E27FC236}">
                  <a16:creationId xmlns:a16="http://schemas.microsoft.com/office/drawing/2014/main" id="{065167DD-DC89-8748-8FF9-82E14536A8E9}"/>
                </a:ext>
              </a:extLst>
            </p:cNvPr>
            <p:cNvCxnSpPr>
              <a:cxnSpLocks/>
            </p:cNvCxnSpPr>
            <p:nvPr/>
          </p:nvCxnSpPr>
          <p:spPr>
            <a:xfrm>
              <a:off x="6494416" y="1644455"/>
              <a:ext cx="5107291" cy="5542"/>
            </a:xfrm>
            <a:prstGeom prst="line">
              <a:avLst/>
            </a:prstGeom>
            <a:ln w="50800">
              <a:solidFill>
                <a:srgbClr val="526DB0"/>
              </a:solidFill>
              <a:headEnd type="oval" w="sm" len="sm"/>
              <a:tailEnd type="oval" w="sm" len="sm"/>
            </a:ln>
            <a:effectLst/>
          </p:spPr>
          <p:style>
            <a:lnRef idx="3">
              <a:schemeClr val="accent6"/>
            </a:lnRef>
            <a:fillRef idx="0">
              <a:schemeClr val="accent6"/>
            </a:fillRef>
            <a:effectRef idx="2">
              <a:schemeClr val="accent6"/>
            </a:effectRef>
            <a:fontRef idx="minor">
              <a:schemeClr val="tx1"/>
            </a:fontRef>
          </p:style>
        </p:cxnSp>
        <p:cxnSp>
          <p:nvCxnSpPr>
            <p:cNvPr id="54" name="Straight Connector 53">
              <a:extLst>
                <a:ext uri="{FF2B5EF4-FFF2-40B4-BE49-F238E27FC236}">
                  <a16:creationId xmlns:a16="http://schemas.microsoft.com/office/drawing/2014/main" id="{7B144B1C-982C-0042-8539-1BA0E5BBAC71}"/>
                </a:ext>
              </a:extLst>
            </p:cNvPr>
            <p:cNvCxnSpPr>
              <a:cxnSpLocks/>
            </p:cNvCxnSpPr>
            <p:nvPr/>
          </p:nvCxnSpPr>
          <p:spPr>
            <a:xfrm flipV="1">
              <a:off x="3432597" y="2914154"/>
              <a:ext cx="6499483" cy="12876"/>
            </a:xfrm>
            <a:prstGeom prst="line">
              <a:avLst/>
            </a:prstGeom>
            <a:ln w="50800">
              <a:solidFill>
                <a:srgbClr val="526DB0"/>
              </a:solidFill>
              <a:headEnd type="oval" w="sm" len="sm"/>
              <a:tailEnd type="oval" w="sm" len="sm"/>
            </a:ln>
            <a:effectLst/>
          </p:spPr>
          <p:style>
            <a:lnRef idx="3">
              <a:schemeClr val="accent6"/>
            </a:lnRef>
            <a:fillRef idx="0">
              <a:schemeClr val="accent6"/>
            </a:fillRef>
            <a:effectRef idx="2">
              <a:schemeClr val="accent6"/>
            </a:effectRef>
            <a:fontRef idx="minor">
              <a:schemeClr val="tx1"/>
            </a:fontRef>
          </p:style>
        </p:cxnSp>
        <p:sp>
          <p:nvSpPr>
            <p:cNvPr id="56" name="5-Point Star 55">
              <a:extLst>
                <a:ext uri="{FF2B5EF4-FFF2-40B4-BE49-F238E27FC236}">
                  <a16:creationId xmlns:a16="http://schemas.microsoft.com/office/drawing/2014/main" id="{4A93AC20-D7D7-F74E-9CA8-D85B3ADBB263}"/>
                </a:ext>
              </a:extLst>
            </p:cNvPr>
            <p:cNvSpPr/>
            <p:nvPr/>
          </p:nvSpPr>
          <p:spPr>
            <a:xfrm>
              <a:off x="1083023" y="2720853"/>
              <a:ext cx="164592" cy="164592"/>
            </a:xfrm>
            <a:prstGeom prst="star5">
              <a:avLst/>
            </a:prstGeom>
            <a:solidFill>
              <a:srgbClr val="FFC000"/>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cxnSp>
          <p:nvCxnSpPr>
            <p:cNvPr id="58" name="Straight Connector 57">
              <a:extLst>
                <a:ext uri="{FF2B5EF4-FFF2-40B4-BE49-F238E27FC236}">
                  <a16:creationId xmlns:a16="http://schemas.microsoft.com/office/drawing/2014/main" id="{A86C13C1-7E41-A045-9DAC-EFE2223A0047}"/>
                </a:ext>
              </a:extLst>
            </p:cNvPr>
            <p:cNvCxnSpPr>
              <a:cxnSpLocks/>
            </p:cNvCxnSpPr>
            <p:nvPr/>
          </p:nvCxnSpPr>
          <p:spPr>
            <a:xfrm flipV="1">
              <a:off x="5106642" y="5452603"/>
              <a:ext cx="7046815" cy="18406"/>
            </a:xfrm>
            <a:prstGeom prst="line">
              <a:avLst/>
            </a:prstGeom>
            <a:ln w="50800">
              <a:solidFill>
                <a:srgbClr val="526DB0"/>
              </a:solidFill>
              <a:headEnd type="oval" w="sm" len="sm"/>
              <a:tailEnd type="oval" w="sm" len="sm"/>
            </a:ln>
            <a:effectLst/>
          </p:spPr>
          <p:style>
            <a:lnRef idx="3">
              <a:schemeClr val="accent6"/>
            </a:lnRef>
            <a:fillRef idx="0">
              <a:schemeClr val="accent6"/>
            </a:fillRef>
            <a:effectRef idx="2">
              <a:schemeClr val="accent6"/>
            </a:effectRef>
            <a:fontRef idx="minor">
              <a:schemeClr val="tx1"/>
            </a:fontRef>
          </p:style>
        </p:cxnSp>
        <p:cxnSp>
          <p:nvCxnSpPr>
            <p:cNvPr id="59" name="Straight Connector 58">
              <a:extLst>
                <a:ext uri="{FF2B5EF4-FFF2-40B4-BE49-F238E27FC236}">
                  <a16:creationId xmlns:a16="http://schemas.microsoft.com/office/drawing/2014/main" id="{8E6B059B-6FCD-B54A-BF7C-5215D101F4B9}"/>
                </a:ext>
              </a:extLst>
            </p:cNvPr>
            <p:cNvCxnSpPr>
              <a:cxnSpLocks/>
            </p:cNvCxnSpPr>
            <p:nvPr/>
          </p:nvCxnSpPr>
          <p:spPr>
            <a:xfrm>
              <a:off x="363958" y="4823459"/>
              <a:ext cx="6176070" cy="0"/>
            </a:xfrm>
            <a:prstGeom prst="line">
              <a:avLst/>
            </a:prstGeom>
            <a:ln w="50800">
              <a:solidFill>
                <a:srgbClr val="526DB0"/>
              </a:solidFill>
              <a:headEnd type="oval" w="sm" len="sm"/>
              <a:tailEnd type="oval" w="sm" len="sm"/>
            </a:ln>
            <a:effectLst/>
          </p:spPr>
          <p:style>
            <a:lnRef idx="3">
              <a:schemeClr val="accent6"/>
            </a:lnRef>
            <a:fillRef idx="0">
              <a:schemeClr val="accent6"/>
            </a:fillRef>
            <a:effectRef idx="2">
              <a:schemeClr val="accent6"/>
            </a:effectRef>
            <a:fontRef idx="minor">
              <a:schemeClr val="tx1"/>
            </a:fontRef>
          </p:style>
        </p:cxnSp>
        <p:cxnSp>
          <p:nvCxnSpPr>
            <p:cNvPr id="71" name="Straight Connector 70">
              <a:extLst>
                <a:ext uri="{FF2B5EF4-FFF2-40B4-BE49-F238E27FC236}">
                  <a16:creationId xmlns:a16="http://schemas.microsoft.com/office/drawing/2014/main" id="{7BEB055D-CC4F-0149-9059-33C98D4C88CC}"/>
                </a:ext>
              </a:extLst>
            </p:cNvPr>
            <p:cNvCxnSpPr>
              <a:cxnSpLocks/>
            </p:cNvCxnSpPr>
            <p:nvPr/>
          </p:nvCxnSpPr>
          <p:spPr>
            <a:xfrm flipV="1">
              <a:off x="197630" y="1930652"/>
              <a:ext cx="5523154" cy="1"/>
            </a:xfrm>
            <a:prstGeom prst="line">
              <a:avLst/>
            </a:prstGeom>
            <a:ln w="50800">
              <a:solidFill>
                <a:srgbClr val="526DB0"/>
              </a:solidFill>
              <a:headEnd type="oval" w="sm" len="sm"/>
              <a:tailEnd type="oval" w="sm" len="sm"/>
            </a:ln>
            <a:effectLst/>
          </p:spPr>
          <p:style>
            <a:lnRef idx="3">
              <a:schemeClr val="accent6"/>
            </a:lnRef>
            <a:fillRef idx="0">
              <a:schemeClr val="accent6"/>
            </a:fillRef>
            <a:effectRef idx="2">
              <a:schemeClr val="accent6"/>
            </a:effectRef>
            <a:fontRef idx="minor">
              <a:schemeClr val="tx1"/>
            </a:fontRef>
          </p:style>
        </p:cxnSp>
        <p:cxnSp>
          <p:nvCxnSpPr>
            <p:cNvPr id="88" name="Straight Connector 87">
              <a:extLst>
                <a:ext uri="{FF2B5EF4-FFF2-40B4-BE49-F238E27FC236}">
                  <a16:creationId xmlns:a16="http://schemas.microsoft.com/office/drawing/2014/main" id="{0F2B2D22-6AB5-DE4C-8497-DBCAD6E4F816}"/>
                </a:ext>
              </a:extLst>
            </p:cNvPr>
            <p:cNvCxnSpPr>
              <a:cxnSpLocks/>
            </p:cNvCxnSpPr>
            <p:nvPr/>
          </p:nvCxnSpPr>
          <p:spPr>
            <a:xfrm>
              <a:off x="6303137" y="2545424"/>
              <a:ext cx="3628943" cy="12876"/>
            </a:xfrm>
            <a:prstGeom prst="line">
              <a:avLst/>
            </a:prstGeom>
            <a:ln w="50800">
              <a:solidFill>
                <a:srgbClr val="526DB0"/>
              </a:solidFill>
              <a:headEnd type="oval" w="sm" len="sm"/>
              <a:tailEnd type="oval" w="sm" len="sm"/>
            </a:ln>
            <a:effectLst/>
          </p:spPr>
          <p:style>
            <a:lnRef idx="3">
              <a:schemeClr val="accent6"/>
            </a:lnRef>
            <a:fillRef idx="0">
              <a:schemeClr val="accent6"/>
            </a:fillRef>
            <a:effectRef idx="2">
              <a:schemeClr val="accent6"/>
            </a:effectRef>
            <a:fontRef idx="minor">
              <a:schemeClr val="tx1"/>
            </a:fontRef>
          </p:style>
        </p:cxnSp>
        <p:sp>
          <p:nvSpPr>
            <p:cNvPr id="98" name="TextBox 97">
              <a:extLst>
                <a:ext uri="{FF2B5EF4-FFF2-40B4-BE49-F238E27FC236}">
                  <a16:creationId xmlns:a16="http://schemas.microsoft.com/office/drawing/2014/main" id="{29D055CB-06A3-A240-A574-AA8EB9B8DAF5}"/>
                </a:ext>
              </a:extLst>
            </p:cNvPr>
            <p:cNvSpPr txBox="1"/>
            <p:nvPr/>
          </p:nvSpPr>
          <p:spPr>
            <a:xfrm rot="16200000">
              <a:off x="-489900" y="6043619"/>
              <a:ext cx="1287167" cy="31634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black"/>
                  </a:solidFill>
                  <a:effectLst/>
                  <a:uLnTx/>
                  <a:uFillTx/>
                  <a:latin typeface="Arial Narrow" panose="020B0604020202020204" pitchFamily="34" charset="0"/>
                  <a:ea typeface="+mn-ea"/>
                  <a:cs typeface="Arial Narrow" panose="020B0604020202020204" pitchFamily="34" charset="0"/>
                </a:rPr>
                <a:t>Milestones</a:t>
              </a:r>
            </a:p>
          </p:txBody>
        </p:sp>
        <p:grpSp>
          <p:nvGrpSpPr>
            <p:cNvPr id="35" name="Group 34">
              <a:extLst>
                <a:ext uri="{FF2B5EF4-FFF2-40B4-BE49-F238E27FC236}">
                  <a16:creationId xmlns:a16="http://schemas.microsoft.com/office/drawing/2014/main" id="{9D678B63-7591-F347-9A53-140E3DF19A68}"/>
                </a:ext>
              </a:extLst>
            </p:cNvPr>
            <p:cNvGrpSpPr/>
            <p:nvPr/>
          </p:nvGrpSpPr>
          <p:grpSpPr>
            <a:xfrm>
              <a:off x="921095" y="6329737"/>
              <a:ext cx="10529377" cy="664561"/>
              <a:chOff x="1493756" y="2339135"/>
              <a:chExt cx="6168567" cy="380763"/>
            </a:xfrm>
          </p:grpSpPr>
          <p:sp>
            <p:nvSpPr>
              <p:cNvPr id="112" name="Rectangle 111">
                <a:extLst>
                  <a:ext uri="{FF2B5EF4-FFF2-40B4-BE49-F238E27FC236}">
                    <a16:creationId xmlns:a16="http://schemas.microsoft.com/office/drawing/2014/main" id="{640AFE43-948F-B64C-99CD-E695295AC512}"/>
                  </a:ext>
                </a:extLst>
              </p:cNvPr>
              <p:cNvSpPr/>
              <p:nvPr/>
            </p:nvSpPr>
            <p:spPr>
              <a:xfrm>
                <a:off x="1493756" y="2339135"/>
                <a:ext cx="6131145" cy="285566"/>
              </a:xfrm>
              <a:prstGeom prst="rect">
                <a:avLst/>
              </a:prstGeom>
              <a:solidFill>
                <a:srgbClr val="DCF6FE"/>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13" name="TextBox 112">
                <a:extLst>
                  <a:ext uri="{FF2B5EF4-FFF2-40B4-BE49-F238E27FC236}">
                    <a16:creationId xmlns:a16="http://schemas.microsoft.com/office/drawing/2014/main" id="{50AD36C8-D1E5-A14D-B64D-9EB66994F923}"/>
                  </a:ext>
                </a:extLst>
              </p:cNvPr>
              <p:cNvSpPr txBox="1"/>
              <p:nvPr/>
            </p:nvSpPr>
            <p:spPr>
              <a:xfrm>
                <a:off x="3416832" y="2369231"/>
                <a:ext cx="798240" cy="250406"/>
              </a:xfrm>
              <a:prstGeom prst="rect">
                <a:avLst/>
              </a:prstGeom>
              <a:noFill/>
            </p:spPr>
            <p:txBody>
              <a:bodyPr wrap="square" rtlCol="0">
                <a:spAutoFit/>
              </a:bodyPr>
              <a:lstStyle/>
              <a:p>
                <a:pPr marL="0" marR="0" lvl="0" indent="0" algn="l" defTabSz="342900" rtl="0" eaLnBrk="1" fontAlgn="auto" latinLnBrk="0" hangingPunct="1">
                  <a:lnSpc>
                    <a:spcPct val="8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Ballot Supporting </a:t>
                </a:r>
                <a:b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b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Materials</a:t>
                </a:r>
              </a:p>
            </p:txBody>
          </p:sp>
          <p:sp>
            <p:nvSpPr>
              <p:cNvPr id="114" name="TextBox 113">
                <a:extLst>
                  <a:ext uri="{FF2B5EF4-FFF2-40B4-BE49-F238E27FC236}">
                    <a16:creationId xmlns:a16="http://schemas.microsoft.com/office/drawing/2014/main" id="{39594F1D-355A-A948-B882-23DE2A4EEE8C}"/>
                  </a:ext>
                </a:extLst>
              </p:cNvPr>
              <p:cNvSpPr txBox="1"/>
              <p:nvPr/>
            </p:nvSpPr>
            <p:spPr>
              <a:xfrm>
                <a:off x="1555805" y="2417878"/>
                <a:ext cx="459864" cy="154079"/>
              </a:xfrm>
              <a:prstGeom prst="rect">
                <a:avLst/>
              </a:prstGeom>
              <a:noFill/>
            </p:spPr>
            <p:txBody>
              <a:bodyPr wrap="square" rtlCol="0">
                <a:spAutoFit/>
              </a:bodyPr>
              <a:lstStyle/>
              <a:p>
                <a:pPr marL="0" marR="0" lvl="0" indent="0" algn="l" defTabSz="342900" rtl="0" eaLnBrk="1" fontAlgn="auto" latinLnBrk="0" hangingPunct="1">
                  <a:lnSpc>
                    <a:spcPct val="8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Key</a:t>
                </a:r>
              </a:p>
            </p:txBody>
          </p:sp>
          <p:sp>
            <p:nvSpPr>
              <p:cNvPr id="115" name="TextBox 114">
                <a:extLst>
                  <a:ext uri="{FF2B5EF4-FFF2-40B4-BE49-F238E27FC236}">
                    <a16:creationId xmlns:a16="http://schemas.microsoft.com/office/drawing/2014/main" id="{5527BD6D-9A00-DF42-8163-111021315A53}"/>
                  </a:ext>
                </a:extLst>
              </p:cNvPr>
              <p:cNvSpPr txBox="1"/>
              <p:nvPr/>
            </p:nvSpPr>
            <p:spPr>
              <a:xfrm>
                <a:off x="2190201" y="2371332"/>
                <a:ext cx="1266915" cy="154079"/>
              </a:xfrm>
              <a:prstGeom prst="rect">
                <a:avLst/>
              </a:prstGeom>
              <a:noFill/>
            </p:spPr>
            <p:txBody>
              <a:bodyPr wrap="square" rtlCol="0">
                <a:spAutoFit/>
              </a:bodyPr>
              <a:lstStyle/>
              <a:p>
                <a:pPr marL="0" marR="0" lvl="0" indent="0" algn="l" defTabSz="342900" rtl="0" eaLnBrk="1" fontAlgn="auto" latinLnBrk="0" hangingPunct="1">
                  <a:lnSpc>
                    <a:spcPct val="8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Project Scope Statement</a:t>
                </a:r>
              </a:p>
            </p:txBody>
          </p:sp>
          <p:sp>
            <p:nvSpPr>
              <p:cNvPr id="116" name="TextBox 115">
                <a:extLst>
                  <a:ext uri="{FF2B5EF4-FFF2-40B4-BE49-F238E27FC236}">
                    <a16:creationId xmlns:a16="http://schemas.microsoft.com/office/drawing/2014/main" id="{58A7E5AF-9480-394F-A724-C934DF42FE88}"/>
                  </a:ext>
                </a:extLst>
              </p:cNvPr>
              <p:cNvSpPr txBox="1"/>
              <p:nvPr/>
            </p:nvSpPr>
            <p:spPr>
              <a:xfrm>
                <a:off x="2190201" y="2480493"/>
                <a:ext cx="1266915" cy="154079"/>
              </a:xfrm>
              <a:prstGeom prst="rect">
                <a:avLst/>
              </a:prstGeom>
              <a:noFill/>
            </p:spPr>
            <p:txBody>
              <a:bodyPr wrap="square" rtlCol="0">
                <a:spAutoFit/>
              </a:bodyPr>
              <a:lstStyle/>
              <a:p>
                <a:pPr marL="0" marR="0" lvl="0" indent="0" algn="l" defTabSz="342900" rtl="0" eaLnBrk="1" fontAlgn="auto" latinLnBrk="0" hangingPunct="1">
                  <a:lnSpc>
                    <a:spcPct val="8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Notice of Intent to Ballot</a:t>
                </a:r>
              </a:p>
            </p:txBody>
          </p:sp>
          <p:sp>
            <p:nvSpPr>
              <p:cNvPr id="117" name="Isosceles Triangle 641">
                <a:extLst>
                  <a:ext uri="{FF2B5EF4-FFF2-40B4-BE49-F238E27FC236}">
                    <a16:creationId xmlns:a16="http://schemas.microsoft.com/office/drawing/2014/main" id="{FE781A1F-BF76-1044-ADA1-96E0D543D7B5}"/>
                  </a:ext>
                </a:extLst>
              </p:cNvPr>
              <p:cNvSpPr>
                <a:spLocks noChangeAspect="1"/>
              </p:cNvSpPr>
              <p:nvPr/>
            </p:nvSpPr>
            <p:spPr>
              <a:xfrm>
                <a:off x="2136847" y="2414626"/>
                <a:ext cx="69560" cy="56075"/>
              </a:xfrm>
              <a:prstGeom prst="triangle">
                <a:avLst/>
              </a:prstGeom>
              <a:solidFill>
                <a:srgbClr val="053E6B"/>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FFFFFF"/>
                  </a:solidFill>
                  <a:effectLst/>
                  <a:uLnTx/>
                  <a:uFillTx/>
                  <a:latin typeface="Arial Narrow" panose="020B0604020202020204" pitchFamily="34" charset="0"/>
                  <a:ea typeface="+mn-ea"/>
                  <a:cs typeface="Arial Narrow" panose="020B0604020202020204" pitchFamily="34" charset="0"/>
                </a:endParaRPr>
              </a:p>
            </p:txBody>
          </p:sp>
          <p:sp>
            <p:nvSpPr>
              <p:cNvPr id="118" name="5-Point Star 117">
                <a:extLst>
                  <a:ext uri="{FF2B5EF4-FFF2-40B4-BE49-F238E27FC236}">
                    <a16:creationId xmlns:a16="http://schemas.microsoft.com/office/drawing/2014/main" id="{A7228089-7351-7949-87AF-66F48955ABD6}"/>
                  </a:ext>
                </a:extLst>
              </p:cNvPr>
              <p:cNvSpPr>
                <a:spLocks noChangeAspect="1"/>
              </p:cNvSpPr>
              <p:nvPr/>
            </p:nvSpPr>
            <p:spPr>
              <a:xfrm>
                <a:off x="3296822" y="2443670"/>
                <a:ext cx="77629" cy="72800"/>
              </a:xfrm>
              <a:prstGeom prst="star5">
                <a:avLst/>
              </a:prstGeom>
              <a:solidFill>
                <a:srgbClr val="053E6B"/>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19" name="TextBox 118">
                <a:extLst>
                  <a:ext uri="{FF2B5EF4-FFF2-40B4-BE49-F238E27FC236}">
                    <a16:creationId xmlns:a16="http://schemas.microsoft.com/office/drawing/2014/main" id="{85A0F325-7D73-8F4D-9865-FC9A0D82DF7F}"/>
                  </a:ext>
                </a:extLst>
              </p:cNvPr>
              <p:cNvSpPr txBox="1"/>
              <p:nvPr/>
            </p:nvSpPr>
            <p:spPr>
              <a:xfrm>
                <a:off x="6250098" y="2481635"/>
                <a:ext cx="1412225" cy="154079"/>
              </a:xfrm>
              <a:prstGeom prst="rect">
                <a:avLst/>
              </a:prstGeom>
              <a:noFill/>
            </p:spPr>
            <p:txBody>
              <a:bodyPr wrap="square" rtlCol="0">
                <a:spAutoFit/>
              </a:bodyPr>
              <a:lstStyle/>
              <a:p>
                <a:pPr marL="0" marR="0" lvl="0" indent="0" algn="l" defTabSz="342900" rtl="0" eaLnBrk="1" fontAlgn="auto" latinLnBrk="0" hangingPunct="1">
                  <a:lnSpc>
                    <a:spcPct val="8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Ballot Reconciliation Deadline</a:t>
                </a:r>
              </a:p>
            </p:txBody>
          </p:sp>
          <p:sp>
            <p:nvSpPr>
              <p:cNvPr id="120" name="Diamond 119">
                <a:extLst>
                  <a:ext uri="{FF2B5EF4-FFF2-40B4-BE49-F238E27FC236}">
                    <a16:creationId xmlns:a16="http://schemas.microsoft.com/office/drawing/2014/main" id="{98BBCF78-673C-C94B-A029-DA63EBAE1398}"/>
                  </a:ext>
                </a:extLst>
              </p:cNvPr>
              <p:cNvSpPr>
                <a:spLocks noChangeAspect="1"/>
              </p:cNvSpPr>
              <p:nvPr/>
            </p:nvSpPr>
            <p:spPr>
              <a:xfrm>
                <a:off x="6185563" y="2524409"/>
                <a:ext cx="70572" cy="66182"/>
              </a:xfrm>
              <a:prstGeom prst="diamond">
                <a:avLst/>
              </a:prstGeom>
              <a:solidFill>
                <a:srgbClr val="053E6B"/>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srgbClr val="FFFFFF"/>
                  </a:solidFill>
                  <a:effectLst/>
                  <a:uLnTx/>
                  <a:uFillTx/>
                  <a:latin typeface="Arial Narrow" panose="020B0604020202020204" pitchFamily="34" charset="0"/>
                  <a:ea typeface="+mn-ea"/>
                  <a:cs typeface="Arial Narrow" panose="020B0604020202020204" pitchFamily="34" charset="0"/>
                </a:endParaRPr>
              </a:p>
            </p:txBody>
          </p:sp>
          <p:sp>
            <p:nvSpPr>
              <p:cNvPr id="121" name="TextBox 120">
                <a:extLst>
                  <a:ext uri="{FF2B5EF4-FFF2-40B4-BE49-F238E27FC236}">
                    <a16:creationId xmlns:a16="http://schemas.microsoft.com/office/drawing/2014/main" id="{AF4EDFAE-A52C-A140-9A4C-A35A050202E6}"/>
                  </a:ext>
                </a:extLst>
              </p:cNvPr>
              <p:cNvSpPr txBox="1"/>
              <p:nvPr/>
            </p:nvSpPr>
            <p:spPr>
              <a:xfrm>
                <a:off x="6242748" y="2372474"/>
                <a:ext cx="1318010" cy="154079"/>
              </a:xfrm>
              <a:prstGeom prst="rect">
                <a:avLst/>
              </a:prstGeom>
              <a:noFill/>
            </p:spPr>
            <p:txBody>
              <a:bodyPr wrap="square" rtlCol="0">
                <a:spAutoFit/>
              </a:bodyPr>
              <a:lstStyle/>
              <a:p>
                <a:pPr marL="0" marR="0" lvl="0" indent="0" algn="l" defTabSz="342900" rtl="0" eaLnBrk="1" fontAlgn="auto" latinLnBrk="0" hangingPunct="1">
                  <a:lnSpc>
                    <a:spcPct val="8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Ballot Reconciliation Starts</a:t>
                </a:r>
              </a:p>
            </p:txBody>
          </p:sp>
          <p:sp>
            <p:nvSpPr>
              <p:cNvPr id="122" name="Cross 121">
                <a:extLst>
                  <a:ext uri="{FF2B5EF4-FFF2-40B4-BE49-F238E27FC236}">
                    <a16:creationId xmlns:a16="http://schemas.microsoft.com/office/drawing/2014/main" id="{B5557164-A445-AC43-8037-FDEC587F12C7}"/>
                  </a:ext>
                </a:extLst>
              </p:cNvPr>
              <p:cNvSpPr>
                <a:spLocks noChangeAspect="1"/>
              </p:cNvSpPr>
              <p:nvPr/>
            </p:nvSpPr>
            <p:spPr>
              <a:xfrm>
                <a:off x="6192557" y="2421537"/>
                <a:ext cx="56457" cy="52946"/>
              </a:xfrm>
              <a:prstGeom prst="plus">
                <a:avLst/>
              </a:prstGeom>
              <a:solidFill>
                <a:srgbClr val="053E6B"/>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23" name="TextBox 122">
                <a:extLst>
                  <a:ext uri="{FF2B5EF4-FFF2-40B4-BE49-F238E27FC236}">
                    <a16:creationId xmlns:a16="http://schemas.microsoft.com/office/drawing/2014/main" id="{03EB151A-BD77-934F-89C3-371ED99BDE37}"/>
                  </a:ext>
                </a:extLst>
              </p:cNvPr>
              <p:cNvSpPr txBox="1"/>
              <p:nvPr/>
            </p:nvSpPr>
            <p:spPr>
              <a:xfrm>
                <a:off x="5342949" y="2368315"/>
                <a:ext cx="765073" cy="351583"/>
              </a:xfrm>
              <a:prstGeom prst="rect">
                <a:avLst/>
              </a:prstGeom>
              <a:noFill/>
            </p:spPr>
            <p:txBody>
              <a:bodyPr wrap="square" rtlCol="0">
                <a:spAutoFit/>
              </a:bodyPr>
              <a:lstStyle/>
              <a:p>
                <a:pPr marL="0" marR="0" lvl="0" indent="0" algn="l" defTabSz="342900" rtl="0" eaLnBrk="1" fontAlgn="auto" latinLnBrk="0" hangingPunct="1">
                  <a:lnSpc>
                    <a:spcPct val="8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Ballot  Opens for Voting </a:t>
                </a:r>
                <a:b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br>
                <a:endPar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endParaRPr>
              </a:p>
            </p:txBody>
          </p:sp>
          <p:sp>
            <p:nvSpPr>
              <p:cNvPr id="124" name="Teardrop 123">
                <a:extLst>
                  <a:ext uri="{FF2B5EF4-FFF2-40B4-BE49-F238E27FC236}">
                    <a16:creationId xmlns:a16="http://schemas.microsoft.com/office/drawing/2014/main" id="{983D35BE-0324-5641-A617-F8E6D7CB2379}"/>
                  </a:ext>
                </a:extLst>
              </p:cNvPr>
              <p:cNvSpPr>
                <a:spLocks noChangeAspect="1"/>
              </p:cNvSpPr>
              <p:nvPr/>
            </p:nvSpPr>
            <p:spPr>
              <a:xfrm>
                <a:off x="5265231" y="2393841"/>
                <a:ext cx="56457" cy="52946"/>
              </a:xfrm>
              <a:prstGeom prst="teardrop">
                <a:avLst/>
              </a:prstGeom>
              <a:solidFill>
                <a:srgbClr val="053E6B"/>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25" name="Hexagon 124">
                <a:extLst>
                  <a:ext uri="{FF2B5EF4-FFF2-40B4-BE49-F238E27FC236}">
                    <a16:creationId xmlns:a16="http://schemas.microsoft.com/office/drawing/2014/main" id="{2448A48F-737E-D44E-B892-2D9A239640F4}"/>
                  </a:ext>
                </a:extLst>
              </p:cNvPr>
              <p:cNvSpPr>
                <a:spLocks noChangeAspect="1"/>
              </p:cNvSpPr>
              <p:nvPr/>
            </p:nvSpPr>
            <p:spPr>
              <a:xfrm>
                <a:off x="4255585" y="2420395"/>
                <a:ext cx="73677" cy="59564"/>
              </a:xfrm>
              <a:prstGeom prst="hexagon">
                <a:avLst/>
              </a:prstGeom>
              <a:solidFill>
                <a:srgbClr val="053E6B"/>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26" name="TextBox 125">
                <a:extLst>
                  <a:ext uri="{FF2B5EF4-FFF2-40B4-BE49-F238E27FC236}">
                    <a16:creationId xmlns:a16="http://schemas.microsoft.com/office/drawing/2014/main" id="{BAFE05E5-8DC6-104B-B09C-76AC9AF00D44}"/>
                  </a:ext>
                </a:extLst>
              </p:cNvPr>
              <p:cNvSpPr txBox="1"/>
              <p:nvPr/>
            </p:nvSpPr>
            <p:spPr>
              <a:xfrm>
                <a:off x="4305622" y="2371332"/>
                <a:ext cx="572188" cy="154079"/>
              </a:xfrm>
              <a:prstGeom prst="rect">
                <a:avLst/>
              </a:prstGeom>
              <a:noFill/>
            </p:spPr>
            <p:txBody>
              <a:bodyPr wrap="square" rtlCol="0">
                <a:spAutoFit/>
              </a:bodyPr>
              <a:lstStyle/>
              <a:p>
                <a:pPr marL="0" marR="0" lvl="0" indent="0" algn="l" defTabSz="342900" rtl="0" eaLnBrk="1" fontAlgn="auto" latinLnBrk="0" hangingPunct="1">
                  <a:lnSpc>
                    <a:spcPct val="8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Ballot Due</a:t>
                </a:r>
              </a:p>
            </p:txBody>
          </p:sp>
          <p:sp>
            <p:nvSpPr>
              <p:cNvPr id="127" name="Regular Pentagon 126">
                <a:extLst>
                  <a:ext uri="{FF2B5EF4-FFF2-40B4-BE49-F238E27FC236}">
                    <a16:creationId xmlns:a16="http://schemas.microsoft.com/office/drawing/2014/main" id="{A23FCFF8-8EA4-9E40-BC6E-223E736318F7}"/>
                  </a:ext>
                </a:extLst>
              </p:cNvPr>
              <p:cNvSpPr>
                <a:spLocks noChangeAspect="1"/>
              </p:cNvSpPr>
              <p:nvPr/>
            </p:nvSpPr>
            <p:spPr>
              <a:xfrm>
                <a:off x="4251706" y="2523897"/>
                <a:ext cx="71037" cy="63446"/>
              </a:xfrm>
              <a:prstGeom prst="pentagon">
                <a:avLst/>
              </a:prstGeom>
              <a:solidFill>
                <a:srgbClr val="07538F">
                  <a:lumMod val="75000"/>
                </a:srgbClr>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28" name="TextBox 127">
                <a:extLst>
                  <a:ext uri="{FF2B5EF4-FFF2-40B4-BE49-F238E27FC236}">
                    <a16:creationId xmlns:a16="http://schemas.microsoft.com/office/drawing/2014/main" id="{081A2F6D-6F87-FE4F-956B-9921AE14EB2D}"/>
                  </a:ext>
                </a:extLst>
              </p:cNvPr>
              <p:cNvSpPr txBox="1"/>
              <p:nvPr/>
            </p:nvSpPr>
            <p:spPr>
              <a:xfrm>
                <a:off x="4309843" y="2481635"/>
                <a:ext cx="987932" cy="154079"/>
              </a:xfrm>
              <a:prstGeom prst="rect">
                <a:avLst/>
              </a:prstGeom>
              <a:noFill/>
            </p:spPr>
            <p:txBody>
              <a:bodyPr wrap="square" rtlCol="0">
                <a:spAutoFit/>
              </a:bodyPr>
              <a:lstStyle/>
              <a:p>
                <a:pPr marL="0" marR="0" lvl="0" indent="0" algn="l" defTabSz="342900" rtl="0" eaLnBrk="1" fontAlgn="auto" latinLnBrk="0" hangingPunct="1">
                  <a:lnSpc>
                    <a:spcPct val="80000"/>
                  </a:lnSpc>
                  <a:spcBef>
                    <a:spcPts val="0"/>
                  </a:spcBef>
                  <a:spcAft>
                    <a:spcPts val="0"/>
                  </a:spcAft>
                  <a:buClrTx/>
                  <a:buSzTx/>
                  <a:buFontTx/>
                  <a:buNone/>
                  <a:tabLst/>
                  <a:defRPr/>
                </a:pPr>
                <a:r>
                  <a:rPr kumimoji="0" lang="en-US" sz="1400" b="0" i="0" u="none" strike="noStrike" kern="0" cap="none" spc="0" normalizeH="0" baseline="0" noProof="0" dirty="0">
                    <a:ln>
                      <a:noFill/>
                    </a:ln>
                    <a:solidFill>
                      <a:srgbClr val="07538F">
                        <a:lumMod val="75000"/>
                      </a:srgbClr>
                    </a:solidFill>
                    <a:effectLst/>
                    <a:uLnTx/>
                    <a:uFillTx/>
                    <a:latin typeface="Arial Narrow" panose="020B0604020202020204" pitchFamily="34" charset="0"/>
                    <a:ea typeface="+mn-ea"/>
                    <a:cs typeface="Arial Narrow" panose="020B0604020202020204" pitchFamily="34" charset="0"/>
                  </a:rPr>
                  <a:t>FHIR Connectathon</a:t>
                </a:r>
              </a:p>
            </p:txBody>
          </p:sp>
          <p:sp>
            <p:nvSpPr>
              <p:cNvPr id="129" name="Rectangle 128">
                <a:extLst>
                  <a:ext uri="{FF2B5EF4-FFF2-40B4-BE49-F238E27FC236}">
                    <a16:creationId xmlns:a16="http://schemas.microsoft.com/office/drawing/2014/main" id="{76B3B658-D5CF-6F47-8E90-9708AC636685}"/>
                  </a:ext>
                </a:extLst>
              </p:cNvPr>
              <p:cNvSpPr>
                <a:spLocks noChangeAspect="1"/>
              </p:cNvSpPr>
              <p:nvPr/>
            </p:nvSpPr>
            <p:spPr>
              <a:xfrm>
                <a:off x="2149655" y="2527201"/>
                <a:ext cx="45649" cy="46328"/>
              </a:xfrm>
              <a:prstGeom prst="rect">
                <a:avLst/>
              </a:prstGeom>
              <a:solidFill>
                <a:srgbClr val="07538F">
                  <a:lumMod val="75000"/>
                </a:srgbClr>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grpSp>
        <p:grpSp>
          <p:nvGrpSpPr>
            <p:cNvPr id="37" name="Group 36">
              <a:extLst>
                <a:ext uri="{FF2B5EF4-FFF2-40B4-BE49-F238E27FC236}">
                  <a16:creationId xmlns:a16="http://schemas.microsoft.com/office/drawing/2014/main" id="{1422B88B-0A73-1E47-81CB-E044E0FDE3A9}"/>
                </a:ext>
              </a:extLst>
            </p:cNvPr>
            <p:cNvGrpSpPr/>
            <p:nvPr/>
          </p:nvGrpSpPr>
          <p:grpSpPr>
            <a:xfrm>
              <a:off x="10707868" y="5583146"/>
              <a:ext cx="1463040" cy="228600"/>
              <a:chOff x="6807745" y="5753774"/>
              <a:chExt cx="1308072" cy="126880"/>
            </a:xfrm>
          </p:grpSpPr>
          <p:sp>
            <p:nvSpPr>
              <p:cNvPr id="130" name="OTLSHAPE_T_7773177036fc4cf59bd0d5652def1445_Shape">
                <a:extLst>
                  <a:ext uri="{FF2B5EF4-FFF2-40B4-BE49-F238E27FC236}">
                    <a16:creationId xmlns:a16="http://schemas.microsoft.com/office/drawing/2014/main" id="{07079518-C105-7A49-B2EF-4F48BE2937FC}"/>
                  </a:ext>
                </a:extLst>
              </p:cNvPr>
              <p:cNvSpPr/>
              <p:nvPr>
                <p:custDataLst>
                  <p:tags r:id="rId2"/>
                </p:custDataLst>
              </p:nvPr>
            </p:nvSpPr>
            <p:spPr>
              <a:xfrm>
                <a:off x="6807745" y="5753774"/>
                <a:ext cx="1308072" cy="126880"/>
              </a:xfrm>
              <a:prstGeom prst="roundRect">
                <a:avLst>
                  <a:gd name="adj" fmla="val 100000"/>
                </a:avLst>
              </a:prstGeom>
              <a:solidFill>
                <a:srgbClr val="07538F">
                  <a:lumMod val="75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 xmlns:a14="http://schemas.microsoft.com/office/drawing/2010/main" val="1"/>
                </a:ext>
              </a:ex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675" b="0" i="0" u="none" strike="noStrike" kern="0" cap="none" spc="0" normalizeH="0" baseline="0" noProof="0" dirty="0">
                  <a:ln>
                    <a:noFill/>
                  </a:ln>
                  <a:solidFill>
                    <a:prstClr val="white"/>
                  </a:solidFill>
                  <a:effectLst/>
                  <a:uLnTx/>
                  <a:uFillTx/>
                  <a:latin typeface="Arial Narrow" panose="020B0604020202020204" pitchFamily="34" charset="0"/>
                  <a:ea typeface="Calibri" charset="0"/>
                  <a:cs typeface="Arial Narrow" panose="020B0604020202020204" pitchFamily="34" charset="0"/>
                </a:endParaRPr>
              </a:p>
            </p:txBody>
          </p:sp>
          <p:sp>
            <p:nvSpPr>
              <p:cNvPr id="132" name="5-Point Star 131">
                <a:extLst>
                  <a:ext uri="{FF2B5EF4-FFF2-40B4-BE49-F238E27FC236}">
                    <a16:creationId xmlns:a16="http://schemas.microsoft.com/office/drawing/2014/main" id="{F46DE6FB-DB19-3A4B-A83A-F1F5CCC3663A}"/>
                  </a:ext>
                </a:extLst>
              </p:cNvPr>
              <p:cNvSpPr>
                <a:spLocks noChangeAspect="1"/>
              </p:cNvSpPr>
              <p:nvPr/>
            </p:nvSpPr>
            <p:spPr>
              <a:xfrm>
                <a:off x="7261519" y="5767957"/>
                <a:ext cx="77629" cy="72801"/>
              </a:xfrm>
              <a:prstGeom prst="star5">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33" name="Hexagon 132">
                <a:extLst>
                  <a:ext uri="{FF2B5EF4-FFF2-40B4-BE49-F238E27FC236}">
                    <a16:creationId xmlns:a16="http://schemas.microsoft.com/office/drawing/2014/main" id="{650217CF-9124-274A-BCEE-8FE902BE8DFC}"/>
                  </a:ext>
                </a:extLst>
              </p:cNvPr>
              <p:cNvSpPr>
                <a:spLocks noChangeAspect="1"/>
              </p:cNvSpPr>
              <p:nvPr/>
            </p:nvSpPr>
            <p:spPr>
              <a:xfrm>
                <a:off x="7416460" y="5774041"/>
                <a:ext cx="73677" cy="59564"/>
              </a:xfrm>
              <a:prstGeom prst="hexagon">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5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34" name="Rectangle 133">
                <a:extLst>
                  <a:ext uri="{FF2B5EF4-FFF2-40B4-BE49-F238E27FC236}">
                    <a16:creationId xmlns:a16="http://schemas.microsoft.com/office/drawing/2014/main" id="{5A5006B3-B8A7-5D49-8010-632374B9ACB2}"/>
                  </a:ext>
                </a:extLst>
              </p:cNvPr>
              <p:cNvSpPr>
                <a:spLocks noChangeAspect="1"/>
              </p:cNvSpPr>
              <p:nvPr/>
            </p:nvSpPr>
            <p:spPr>
              <a:xfrm>
                <a:off x="7045659" y="5781102"/>
                <a:ext cx="58691" cy="59564"/>
              </a:xfrm>
              <a:prstGeom prst="rect">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grpSp>
        <p:sp>
          <p:nvSpPr>
            <p:cNvPr id="139" name="OTLSHAPE_T_7773177036fc4cf59bd0d5652def1445_Shape">
              <a:extLst>
                <a:ext uri="{FF2B5EF4-FFF2-40B4-BE49-F238E27FC236}">
                  <a16:creationId xmlns:a16="http://schemas.microsoft.com/office/drawing/2014/main" id="{5F52975D-C5CA-3649-819C-941B40E40B1C}"/>
                </a:ext>
              </a:extLst>
            </p:cNvPr>
            <p:cNvSpPr/>
            <p:nvPr>
              <p:custDataLst>
                <p:tags r:id="rId1"/>
              </p:custDataLst>
            </p:nvPr>
          </p:nvSpPr>
          <p:spPr>
            <a:xfrm>
              <a:off x="1414066" y="5901789"/>
              <a:ext cx="10767920" cy="226847"/>
            </a:xfrm>
            <a:prstGeom prst="roundRect">
              <a:avLst>
                <a:gd name="adj" fmla="val 100000"/>
              </a:avLst>
            </a:prstGeom>
            <a:solidFill>
              <a:schemeClr val="accent5">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 xmlns:a14="http://schemas.microsoft.com/office/drawing/2010/main" val="1"/>
              </a:ext>
            </a:ex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750" b="0" i="0" u="none" strike="noStrike" kern="0" cap="none" spc="0" normalizeH="0" baseline="0" noProof="0" dirty="0">
                <a:ln>
                  <a:noFill/>
                </a:ln>
                <a:solidFill>
                  <a:prstClr val="white"/>
                </a:solidFill>
                <a:effectLst/>
                <a:uLnTx/>
                <a:uFillTx/>
                <a:latin typeface="Arial Narrow" panose="020B0604020202020204" pitchFamily="34" charset="0"/>
                <a:ea typeface="Calibri" charset="0"/>
                <a:cs typeface="Arial Narrow" panose="020B0604020202020204" pitchFamily="34" charset="0"/>
              </a:endParaRPr>
            </a:p>
          </p:txBody>
        </p:sp>
        <p:sp>
          <p:nvSpPr>
            <p:cNvPr id="143" name="Isosceles Triangle 654">
              <a:extLst>
                <a:ext uri="{FF2B5EF4-FFF2-40B4-BE49-F238E27FC236}">
                  <a16:creationId xmlns:a16="http://schemas.microsoft.com/office/drawing/2014/main" id="{941F8191-9164-2C45-920B-C43961FF236C}"/>
                </a:ext>
              </a:extLst>
            </p:cNvPr>
            <p:cNvSpPr>
              <a:spLocks noChangeAspect="1"/>
            </p:cNvSpPr>
            <p:nvPr/>
          </p:nvSpPr>
          <p:spPr>
            <a:xfrm>
              <a:off x="1600783" y="5956424"/>
              <a:ext cx="112240" cy="116777"/>
            </a:xfrm>
            <a:prstGeom prst="triangle">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5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44" name="Regular Pentagon 143">
              <a:extLst>
                <a:ext uri="{FF2B5EF4-FFF2-40B4-BE49-F238E27FC236}">
                  <a16:creationId xmlns:a16="http://schemas.microsoft.com/office/drawing/2014/main" id="{ABCB06E6-ACF9-AC41-AD7F-B5A05C4FA129}"/>
                </a:ext>
              </a:extLst>
            </p:cNvPr>
            <p:cNvSpPr>
              <a:spLocks noChangeAspect="1"/>
            </p:cNvSpPr>
            <p:nvPr/>
          </p:nvSpPr>
          <p:spPr>
            <a:xfrm>
              <a:off x="3595510" y="5972675"/>
              <a:ext cx="109986" cy="133288"/>
            </a:xfrm>
            <a:prstGeom prst="pentagon">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45" name="Regular Pentagon 144">
              <a:extLst>
                <a:ext uri="{FF2B5EF4-FFF2-40B4-BE49-F238E27FC236}">
                  <a16:creationId xmlns:a16="http://schemas.microsoft.com/office/drawing/2014/main" id="{058F1D4E-DD9B-7647-B0FF-E2AD7717D55C}"/>
                </a:ext>
              </a:extLst>
            </p:cNvPr>
            <p:cNvSpPr>
              <a:spLocks noChangeAspect="1"/>
            </p:cNvSpPr>
            <p:nvPr/>
          </p:nvSpPr>
          <p:spPr>
            <a:xfrm>
              <a:off x="5393830" y="5957435"/>
              <a:ext cx="109986" cy="133288"/>
            </a:xfrm>
            <a:prstGeom prst="pentagon">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46" name="Regular Pentagon 145">
              <a:extLst>
                <a:ext uri="{FF2B5EF4-FFF2-40B4-BE49-F238E27FC236}">
                  <a16:creationId xmlns:a16="http://schemas.microsoft.com/office/drawing/2014/main" id="{C7876700-5C21-1948-BFDF-93CFD32361A2}"/>
                </a:ext>
              </a:extLst>
            </p:cNvPr>
            <p:cNvSpPr>
              <a:spLocks noChangeAspect="1"/>
            </p:cNvSpPr>
            <p:nvPr/>
          </p:nvSpPr>
          <p:spPr>
            <a:xfrm>
              <a:off x="6379336" y="5953250"/>
              <a:ext cx="115080" cy="139461"/>
            </a:xfrm>
            <a:prstGeom prst="pentagon">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47" name="Regular Pentagon 146">
              <a:extLst>
                <a:ext uri="{FF2B5EF4-FFF2-40B4-BE49-F238E27FC236}">
                  <a16:creationId xmlns:a16="http://schemas.microsoft.com/office/drawing/2014/main" id="{6C388454-DEE6-3745-BEA1-159F26CA162E}"/>
                </a:ext>
              </a:extLst>
            </p:cNvPr>
            <p:cNvSpPr>
              <a:spLocks noChangeAspect="1"/>
            </p:cNvSpPr>
            <p:nvPr/>
          </p:nvSpPr>
          <p:spPr>
            <a:xfrm>
              <a:off x="7466470" y="5957435"/>
              <a:ext cx="109986" cy="133288"/>
            </a:xfrm>
            <a:prstGeom prst="pentagon">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48" name="5-Point Star 147">
              <a:extLst>
                <a:ext uri="{FF2B5EF4-FFF2-40B4-BE49-F238E27FC236}">
                  <a16:creationId xmlns:a16="http://schemas.microsoft.com/office/drawing/2014/main" id="{213C6577-51B5-B54C-B384-D875ADF19C27}"/>
                </a:ext>
              </a:extLst>
            </p:cNvPr>
            <p:cNvSpPr/>
            <p:nvPr/>
          </p:nvSpPr>
          <p:spPr>
            <a:xfrm>
              <a:off x="3840627" y="5661125"/>
              <a:ext cx="164592" cy="164592"/>
            </a:xfrm>
            <a:prstGeom prst="star5">
              <a:avLst/>
            </a:prstGeom>
            <a:solidFill>
              <a:srgbClr val="FFC000"/>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49" name="Rectangle 49">
              <a:extLst>
                <a:ext uri="{FF2B5EF4-FFF2-40B4-BE49-F238E27FC236}">
                  <a16:creationId xmlns:a16="http://schemas.microsoft.com/office/drawing/2014/main" id="{5F25F558-2047-604F-8789-7AA7397026AD}"/>
                </a:ext>
              </a:extLst>
            </p:cNvPr>
            <p:cNvSpPr>
              <a:spLocks noChangeArrowheads="1"/>
            </p:cNvSpPr>
            <p:nvPr/>
          </p:nvSpPr>
          <p:spPr bwMode="auto">
            <a:xfrm>
              <a:off x="3766952" y="5618988"/>
              <a:ext cx="2266604" cy="276999"/>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Calibri" pitchFamily="34" charset="0"/>
                  <a:ea typeface="MS PGothic" pitchFamily="34" charset="-128"/>
                </a:defRPr>
              </a:lvl1pPr>
              <a:lvl2pPr marL="742950" indent="-285750" eaLnBrk="0" hangingPunct="0">
                <a:defRPr sz="2400">
                  <a:solidFill>
                    <a:schemeClr val="tx1"/>
                  </a:solidFill>
                  <a:latin typeface="Calibri" pitchFamily="34" charset="0"/>
                  <a:ea typeface="MS PGothic" pitchFamily="34" charset="-128"/>
                </a:defRPr>
              </a:lvl2pPr>
              <a:lvl3pPr marL="1143000" indent="-228600" eaLnBrk="0" hangingPunct="0">
                <a:defRPr sz="2400">
                  <a:solidFill>
                    <a:schemeClr val="tx1"/>
                  </a:solidFill>
                  <a:latin typeface="Calibri" pitchFamily="34" charset="0"/>
                  <a:ea typeface="MS PGothic" pitchFamily="34" charset="-128"/>
                </a:defRPr>
              </a:lvl3pPr>
              <a:lvl4pPr marL="1600200" indent="-228600" eaLnBrk="0" hangingPunct="0">
                <a:defRPr sz="2400">
                  <a:solidFill>
                    <a:schemeClr val="tx1"/>
                  </a:solidFill>
                  <a:latin typeface="Calibri" pitchFamily="34" charset="0"/>
                  <a:ea typeface="MS PGothic" pitchFamily="34" charset="-128"/>
                </a:defRPr>
              </a:lvl4pPr>
              <a:lvl5pPr marL="2057400" indent="-228600" eaLnBrk="0" hangingPunct="0">
                <a:defRPr sz="2400">
                  <a:solidFill>
                    <a:schemeClr val="tx1"/>
                  </a:solidFill>
                  <a:latin typeface="Calibri" pitchFamily="34" charset="0"/>
                  <a:ea typeface="MS PGothic" pitchFamily="34" charset="-128"/>
                </a:defRPr>
              </a:lvl5pPr>
              <a:lvl6pPr marL="2514600" indent="-228600" eaLnBrk="0" fontAlgn="base" hangingPunct="0">
                <a:spcBef>
                  <a:spcPct val="0"/>
                </a:spcBef>
                <a:spcAft>
                  <a:spcPct val="0"/>
                </a:spcAft>
                <a:defRPr sz="2400">
                  <a:solidFill>
                    <a:schemeClr val="tx1"/>
                  </a:solidFill>
                  <a:latin typeface="Calibri" pitchFamily="34" charset="0"/>
                  <a:ea typeface="MS PGothic" pitchFamily="34" charset="-128"/>
                </a:defRPr>
              </a:lvl6pPr>
              <a:lvl7pPr marL="2971800" indent="-228600" eaLnBrk="0" fontAlgn="base" hangingPunct="0">
                <a:spcBef>
                  <a:spcPct val="0"/>
                </a:spcBef>
                <a:spcAft>
                  <a:spcPct val="0"/>
                </a:spcAft>
                <a:defRPr sz="2400">
                  <a:solidFill>
                    <a:schemeClr val="tx1"/>
                  </a:solidFill>
                  <a:latin typeface="Calibri" pitchFamily="34" charset="0"/>
                  <a:ea typeface="MS PGothic" pitchFamily="34" charset="-128"/>
                </a:defRPr>
              </a:lvl7pPr>
              <a:lvl8pPr marL="3429000" indent="-228600" eaLnBrk="0" fontAlgn="base" hangingPunct="0">
                <a:spcBef>
                  <a:spcPct val="0"/>
                </a:spcBef>
                <a:spcAft>
                  <a:spcPct val="0"/>
                </a:spcAft>
                <a:defRPr sz="2400">
                  <a:solidFill>
                    <a:schemeClr val="tx1"/>
                  </a:solidFill>
                  <a:latin typeface="Calibri" pitchFamily="34" charset="0"/>
                  <a:ea typeface="MS PGothic" pitchFamily="34" charset="-128"/>
                </a:defRPr>
              </a:lvl8pPr>
              <a:lvl9pPr marL="3886200" indent="-228600" eaLnBrk="0" fontAlgn="base" hangingPunct="0">
                <a:spcBef>
                  <a:spcPct val="0"/>
                </a:spcBef>
                <a:spcAft>
                  <a:spcPct val="0"/>
                </a:spcAft>
                <a:defRPr sz="2400">
                  <a:solidFill>
                    <a:schemeClr val="tx1"/>
                  </a:solidFill>
                  <a:latin typeface="Calibri" pitchFamily="34" charset="0"/>
                  <a:ea typeface="MS PGothic" pitchFamily="34" charset="-128"/>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1200" b="0" i="0" u="none" strike="noStrike" kern="1200" cap="none" spc="0" normalizeH="0" baseline="0" noProof="0" dirty="0">
                  <a:ln>
                    <a:noFill/>
                  </a:ln>
                  <a:solidFill>
                    <a:srgbClr val="44546A"/>
                  </a:solidFill>
                  <a:effectLst/>
                  <a:uLnTx/>
                  <a:uFillTx/>
                  <a:latin typeface="Arial Narrow" panose="020B0604020202020204" pitchFamily="34" charset="0"/>
                  <a:ea typeface="MS PGothic" pitchFamily="34" charset="-128"/>
                  <a:cs typeface="Arial Narrow" panose="020B0604020202020204" pitchFamily="34" charset="0"/>
                </a:rPr>
                <a:t>First Testing of draft FHIR IG</a:t>
              </a:r>
            </a:p>
          </p:txBody>
        </p:sp>
        <p:sp>
          <p:nvSpPr>
            <p:cNvPr id="150" name="Regular Pentagon 149">
              <a:extLst>
                <a:ext uri="{FF2B5EF4-FFF2-40B4-BE49-F238E27FC236}">
                  <a16:creationId xmlns:a16="http://schemas.microsoft.com/office/drawing/2014/main" id="{11CE4797-CDC8-AB41-9903-8ACBA4CDB8EF}"/>
                </a:ext>
              </a:extLst>
            </p:cNvPr>
            <p:cNvSpPr>
              <a:spLocks noChangeAspect="1"/>
            </p:cNvSpPr>
            <p:nvPr/>
          </p:nvSpPr>
          <p:spPr>
            <a:xfrm>
              <a:off x="2574430" y="5957435"/>
              <a:ext cx="109986" cy="133288"/>
            </a:xfrm>
            <a:prstGeom prst="pentagon">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51" name="Regular Pentagon 150">
              <a:extLst>
                <a:ext uri="{FF2B5EF4-FFF2-40B4-BE49-F238E27FC236}">
                  <a16:creationId xmlns:a16="http://schemas.microsoft.com/office/drawing/2014/main" id="{79039418-FEB1-3D42-8488-EA0E05FFEE26}"/>
                </a:ext>
              </a:extLst>
            </p:cNvPr>
            <p:cNvSpPr>
              <a:spLocks noChangeAspect="1"/>
            </p:cNvSpPr>
            <p:nvPr/>
          </p:nvSpPr>
          <p:spPr>
            <a:xfrm>
              <a:off x="9828670" y="5926955"/>
              <a:ext cx="109986" cy="133288"/>
            </a:xfrm>
            <a:prstGeom prst="pentagon">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52" name="Regular Pentagon 151">
              <a:extLst>
                <a:ext uri="{FF2B5EF4-FFF2-40B4-BE49-F238E27FC236}">
                  <a16:creationId xmlns:a16="http://schemas.microsoft.com/office/drawing/2014/main" id="{3615FBFE-6219-6F44-AA39-5DDA779D5028}"/>
                </a:ext>
              </a:extLst>
            </p:cNvPr>
            <p:cNvSpPr>
              <a:spLocks noChangeAspect="1"/>
            </p:cNvSpPr>
            <p:nvPr/>
          </p:nvSpPr>
          <p:spPr>
            <a:xfrm>
              <a:off x="10737976" y="5936022"/>
              <a:ext cx="115080" cy="139461"/>
            </a:xfrm>
            <a:prstGeom prst="pentagon">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53" name="Regular Pentagon 152">
              <a:extLst>
                <a:ext uri="{FF2B5EF4-FFF2-40B4-BE49-F238E27FC236}">
                  <a16:creationId xmlns:a16="http://schemas.microsoft.com/office/drawing/2014/main" id="{F0DFED9E-985A-3E4A-B4AF-DFD8CA94A8FF}"/>
                </a:ext>
              </a:extLst>
            </p:cNvPr>
            <p:cNvSpPr>
              <a:spLocks noChangeAspect="1"/>
            </p:cNvSpPr>
            <p:nvPr/>
          </p:nvSpPr>
          <p:spPr>
            <a:xfrm>
              <a:off x="11672710" y="5926955"/>
              <a:ext cx="109986" cy="133288"/>
            </a:xfrm>
            <a:prstGeom prst="pentagon">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54" name="Teardrop 153">
              <a:extLst>
                <a:ext uri="{FF2B5EF4-FFF2-40B4-BE49-F238E27FC236}">
                  <a16:creationId xmlns:a16="http://schemas.microsoft.com/office/drawing/2014/main" id="{943E5B7B-3B00-9743-BF11-25A673E2F721}"/>
                </a:ext>
              </a:extLst>
            </p:cNvPr>
            <p:cNvSpPr>
              <a:spLocks noChangeAspect="1"/>
            </p:cNvSpPr>
            <p:nvPr/>
          </p:nvSpPr>
          <p:spPr>
            <a:xfrm>
              <a:off x="11566030" y="5647328"/>
              <a:ext cx="91440" cy="91440"/>
            </a:xfrm>
            <a:prstGeom prst="teardrop">
              <a:avLst/>
            </a:prstGeom>
            <a:solidFill>
              <a:sysClr val="window" lastClr="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55" name="Diamond 154">
              <a:extLst>
                <a:ext uri="{FF2B5EF4-FFF2-40B4-BE49-F238E27FC236}">
                  <a16:creationId xmlns:a16="http://schemas.microsoft.com/office/drawing/2014/main" id="{91CEFA1F-8A8F-1B41-BE3B-0D637A3C72C0}"/>
                </a:ext>
              </a:extLst>
            </p:cNvPr>
            <p:cNvSpPr>
              <a:spLocks noChangeAspect="1"/>
            </p:cNvSpPr>
            <p:nvPr/>
          </p:nvSpPr>
          <p:spPr>
            <a:xfrm>
              <a:off x="12031996" y="5602963"/>
              <a:ext cx="82290" cy="181239"/>
            </a:xfrm>
            <a:prstGeom prst="diamond">
              <a:avLst/>
            </a:prstGeom>
            <a:solidFill>
              <a:srgbClr val="FFFFFF"/>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5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157" name="Cross 156">
              <a:extLst>
                <a:ext uri="{FF2B5EF4-FFF2-40B4-BE49-F238E27FC236}">
                  <a16:creationId xmlns:a16="http://schemas.microsoft.com/office/drawing/2014/main" id="{3984A838-874A-D34B-8232-A94E3BA96163}"/>
                </a:ext>
              </a:extLst>
            </p:cNvPr>
            <p:cNvSpPr>
              <a:spLocks noChangeAspect="1"/>
            </p:cNvSpPr>
            <p:nvPr/>
          </p:nvSpPr>
          <p:spPr>
            <a:xfrm>
              <a:off x="11715349" y="5636605"/>
              <a:ext cx="96369" cy="92409"/>
            </a:xfrm>
            <a:prstGeom prst="plus">
              <a:avLst/>
            </a:prstGeom>
            <a:solidFill>
              <a:schemeClr val="bg1"/>
            </a:solidFill>
            <a:ln w="9525" cap="flat" cmpd="sng" algn="ctr">
              <a:noFill/>
              <a:prstDash val="solid"/>
            </a:ln>
            <a:effectLst/>
          </p:spPr>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400" b="0" i="0" u="none" strike="noStrike" kern="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grpSp>
      <p:cxnSp>
        <p:nvCxnSpPr>
          <p:cNvPr id="86" name="Straight Connector 85">
            <a:extLst>
              <a:ext uri="{FF2B5EF4-FFF2-40B4-BE49-F238E27FC236}">
                <a16:creationId xmlns:a16="http://schemas.microsoft.com/office/drawing/2014/main" id="{B82ACD34-4DC4-F04A-9400-0DE04A4EECA2}"/>
              </a:ext>
            </a:extLst>
          </p:cNvPr>
          <p:cNvCxnSpPr>
            <a:cxnSpLocks/>
          </p:cNvCxnSpPr>
          <p:nvPr/>
        </p:nvCxnSpPr>
        <p:spPr>
          <a:xfrm>
            <a:off x="3033874" y="1119891"/>
            <a:ext cx="0" cy="5470288"/>
          </a:xfrm>
          <a:prstGeom prst="line">
            <a:avLst/>
          </a:prstGeom>
          <a:ln w="50800">
            <a:solidFill>
              <a:schemeClr val="accent6"/>
            </a:solidFill>
            <a:prstDash val="sysDot"/>
            <a:headEnd type="oval" w="sm" len="sm"/>
            <a:tailEnd type="oval" w="sm" len="sm"/>
          </a:ln>
          <a:effectLst/>
        </p:spPr>
        <p:style>
          <a:lnRef idx="3">
            <a:schemeClr val="accent6"/>
          </a:lnRef>
          <a:fillRef idx="0">
            <a:schemeClr val="accent6"/>
          </a:fillRef>
          <a:effectRef idx="2">
            <a:schemeClr val="accent6"/>
          </a:effectRef>
          <a:fontRef idx="minor">
            <a:schemeClr val="tx1"/>
          </a:fontRef>
        </p:style>
      </p:cxnSp>
      <p:sp>
        <p:nvSpPr>
          <p:cNvPr id="89" name="Rectangle 49">
            <a:extLst>
              <a:ext uri="{FF2B5EF4-FFF2-40B4-BE49-F238E27FC236}">
                <a16:creationId xmlns:a16="http://schemas.microsoft.com/office/drawing/2014/main" id="{A0DBA82A-9099-0846-9FF3-1C38C528931B}"/>
              </a:ext>
            </a:extLst>
          </p:cNvPr>
          <p:cNvSpPr>
            <a:spLocks noChangeArrowheads="1"/>
          </p:cNvSpPr>
          <p:nvPr/>
        </p:nvSpPr>
        <p:spPr bwMode="auto">
          <a:xfrm>
            <a:off x="2125358" y="6614244"/>
            <a:ext cx="1907668" cy="276999"/>
          </a:xfrm>
          <a:prstGeom prst="rect">
            <a:avLst/>
          </a:prstGeom>
          <a:noFill/>
          <a:ln>
            <a:solidFill>
              <a:schemeClr val="accent6"/>
            </a:solid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square">
            <a:spAutoFit/>
          </a:bodyPr>
          <a:lstStyle>
            <a:lvl1pPr eaLnBrk="0" hangingPunct="0">
              <a:defRPr sz="2400">
                <a:solidFill>
                  <a:schemeClr val="tx1"/>
                </a:solidFill>
                <a:latin typeface="Calibri" pitchFamily="34" charset="0"/>
                <a:ea typeface="MS PGothic" pitchFamily="34" charset="-128"/>
              </a:defRPr>
            </a:lvl1pPr>
            <a:lvl2pPr marL="742950" indent="-285750" eaLnBrk="0" hangingPunct="0">
              <a:defRPr sz="2400">
                <a:solidFill>
                  <a:schemeClr val="tx1"/>
                </a:solidFill>
                <a:latin typeface="Calibri" pitchFamily="34" charset="0"/>
                <a:ea typeface="MS PGothic" pitchFamily="34" charset="-128"/>
              </a:defRPr>
            </a:lvl2pPr>
            <a:lvl3pPr marL="1143000" indent="-228600" eaLnBrk="0" hangingPunct="0">
              <a:defRPr sz="2400">
                <a:solidFill>
                  <a:schemeClr val="tx1"/>
                </a:solidFill>
                <a:latin typeface="Calibri" pitchFamily="34" charset="0"/>
                <a:ea typeface="MS PGothic" pitchFamily="34" charset="-128"/>
              </a:defRPr>
            </a:lvl3pPr>
            <a:lvl4pPr marL="1600200" indent="-228600" eaLnBrk="0" hangingPunct="0">
              <a:defRPr sz="2400">
                <a:solidFill>
                  <a:schemeClr val="tx1"/>
                </a:solidFill>
                <a:latin typeface="Calibri" pitchFamily="34" charset="0"/>
                <a:ea typeface="MS PGothic" pitchFamily="34" charset="-128"/>
              </a:defRPr>
            </a:lvl4pPr>
            <a:lvl5pPr marL="2057400" indent="-228600" eaLnBrk="0" hangingPunct="0">
              <a:defRPr sz="2400">
                <a:solidFill>
                  <a:schemeClr val="tx1"/>
                </a:solidFill>
                <a:latin typeface="Calibri" pitchFamily="34" charset="0"/>
                <a:ea typeface="MS PGothic" pitchFamily="34" charset="-128"/>
              </a:defRPr>
            </a:lvl5pPr>
            <a:lvl6pPr marL="2514600" indent="-228600" eaLnBrk="0" fontAlgn="base" hangingPunct="0">
              <a:spcBef>
                <a:spcPct val="0"/>
              </a:spcBef>
              <a:spcAft>
                <a:spcPct val="0"/>
              </a:spcAft>
              <a:defRPr sz="2400">
                <a:solidFill>
                  <a:schemeClr val="tx1"/>
                </a:solidFill>
                <a:latin typeface="Calibri" pitchFamily="34" charset="0"/>
                <a:ea typeface="MS PGothic" pitchFamily="34" charset="-128"/>
              </a:defRPr>
            </a:lvl6pPr>
            <a:lvl7pPr marL="2971800" indent="-228600" eaLnBrk="0" fontAlgn="base" hangingPunct="0">
              <a:spcBef>
                <a:spcPct val="0"/>
              </a:spcBef>
              <a:spcAft>
                <a:spcPct val="0"/>
              </a:spcAft>
              <a:defRPr sz="2400">
                <a:solidFill>
                  <a:schemeClr val="tx1"/>
                </a:solidFill>
                <a:latin typeface="Calibri" pitchFamily="34" charset="0"/>
                <a:ea typeface="MS PGothic" pitchFamily="34" charset="-128"/>
              </a:defRPr>
            </a:lvl7pPr>
            <a:lvl8pPr marL="3429000" indent="-228600" eaLnBrk="0" fontAlgn="base" hangingPunct="0">
              <a:spcBef>
                <a:spcPct val="0"/>
              </a:spcBef>
              <a:spcAft>
                <a:spcPct val="0"/>
              </a:spcAft>
              <a:defRPr sz="2400">
                <a:solidFill>
                  <a:schemeClr val="tx1"/>
                </a:solidFill>
                <a:latin typeface="Calibri" pitchFamily="34" charset="0"/>
                <a:ea typeface="MS PGothic" pitchFamily="34" charset="-128"/>
              </a:defRPr>
            </a:lvl8pPr>
            <a:lvl9pPr marL="3886200" indent="-228600" eaLnBrk="0" fontAlgn="base" hangingPunct="0">
              <a:spcBef>
                <a:spcPct val="0"/>
              </a:spcBef>
              <a:spcAft>
                <a:spcPct val="0"/>
              </a:spcAft>
              <a:defRPr sz="2400">
                <a:solidFill>
                  <a:schemeClr val="tx1"/>
                </a:solidFill>
                <a:latin typeface="Calibri" pitchFamily="34" charset="0"/>
                <a:ea typeface="MS PGothic" pitchFamily="34" charset="-128"/>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1200" b="1" i="0" u="none" strike="noStrike" kern="1200" cap="none" spc="0" normalizeH="0" baseline="0" noProof="0" dirty="0">
                <a:ln>
                  <a:noFill/>
                </a:ln>
                <a:solidFill>
                  <a:srgbClr val="70AD47"/>
                </a:solidFill>
                <a:effectLst/>
                <a:uLnTx/>
                <a:uFillTx/>
                <a:latin typeface="Arial Narrow" pitchFamily="34" charset="0"/>
                <a:ea typeface="MS PGothic" pitchFamily="34" charset="-128"/>
                <a:cs typeface="Arial" pitchFamily="34" charset="0"/>
              </a:rPr>
              <a:t>WE ARE HERE</a:t>
            </a:r>
          </a:p>
        </p:txBody>
      </p:sp>
      <p:sp>
        <p:nvSpPr>
          <p:cNvPr id="93" name="TextBox 92">
            <a:extLst>
              <a:ext uri="{FF2B5EF4-FFF2-40B4-BE49-F238E27FC236}">
                <a16:creationId xmlns:a16="http://schemas.microsoft.com/office/drawing/2014/main" id="{10E3C9A3-8B36-5449-8102-F998EF7124D3}"/>
              </a:ext>
            </a:extLst>
          </p:cNvPr>
          <p:cNvSpPr txBox="1"/>
          <p:nvPr/>
        </p:nvSpPr>
        <p:spPr>
          <a:xfrm>
            <a:off x="2047683" y="3216271"/>
            <a:ext cx="4297455"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Establish HL7 Patient Care Care Plan WG</a:t>
            </a:r>
          </a:p>
        </p:txBody>
      </p:sp>
      <p:sp>
        <p:nvSpPr>
          <p:cNvPr id="90" name="5-Point Star 89">
            <a:extLst>
              <a:ext uri="{FF2B5EF4-FFF2-40B4-BE49-F238E27FC236}">
                <a16:creationId xmlns:a16="http://schemas.microsoft.com/office/drawing/2014/main" id="{6FDEB73F-2A33-204B-8704-B4C1990C250D}"/>
              </a:ext>
            </a:extLst>
          </p:cNvPr>
          <p:cNvSpPr/>
          <p:nvPr/>
        </p:nvSpPr>
        <p:spPr>
          <a:xfrm>
            <a:off x="303085" y="3429487"/>
            <a:ext cx="160134" cy="164592"/>
          </a:xfrm>
          <a:prstGeom prst="star5">
            <a:avLst/>
          </a:prstGeom>
          <a:solidFill>
            <a:srgbClr val="FFC000"/>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92" name="TextBox 91">
            <a:extLst>
              <a:ext uri="{FF2B5EF4-FFF2-40B4-BE49-F238E27FC236}">
                <a16:creationId xmlns:a16="http://schemas.microsoft.com/office/drawing/2014/main" id="{A8AEBE75-0A5D-474C-8954-E52779DC091C}"/>
              </a:ext>
            </a:extLst>
          </p:cNvPr>
          <p:cNvSpPr txBox="1"/>
          <p:nvPr/>
        </p:nvSpPr>
        <p:spPr>
          <a:xfrm>
            <a:off x="231940" y="3365333"/>
            <a:ext cx="1772206"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Establish TEPs</a:t>
            </a:r>
          </a:p>
        </p:txBody>
      </p:sp>
      <p:sp>
        <p:nvSpPr>
          <p:cNvPr id="96" name="5-Point Star 95">
            <a:extLst>
              <a:ext uri="{FF2B5EF4-FFF2-40B4-BE49-F238E27FC236}">
                <a16:creationId xmlns:a16="http://schemas.microsoft.com/office/drawing/2014/main" id="{3BC52776-1B25-4447-B4B9-A684D11C7D1C}"/>
              </a:ext>
            </a:extLst>
          </p:cNvPr>
          <p:cNvSpPr/>
          <p:nvPr/>
        </p:nvSpPr>
        <p:spPr>
          <a:xfrm>
            <a:off x="2262741" y="3291485"/>
            <a:ext cx="160134" cy="164592"/>
          </a:xfrm>
          <a:prstGeom prst="star5">
            <a:avLst/>
          </a:prstGeom>
          <a:solidFill>
            <a:srgbClr val="FFC000"/>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
        <p:nvSpPr>
          <p:cNvPr id="99" name="TextBox 98">
            <a:extLst>
              <a:ext uri="{FF2B5EF4-FFF2-40B4-BE49-F238E27FC236}">
                <a16:creationId xmlns:a16="http://schemas.microsoft.com/office/drawing/2014/main" id="{5E1EA826-A877-4A46-82BB-54DB3B8F0118}"/>
              </a:ext>
            </a:extLst>
          </p:cNvPr>
          <p:cNvSpPr txBox="1"/>
          <p:nvPr/>
        </p:nvSpPr>
        <p:spPr>
          <a:xfrm>
            <a:off x="1720035" y="3511997"/>
            <a:ext cx="4297455"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Establish AHRQ NIH Confluence</a:t>
            </a:r>
          </a:p>
        </p:txBody>
      </p:sp>
      <p:sp>
        <p:nvSpPr>
          <p:cNvPr id="100" name="5-Point Star 99">
            <a:extLst>
              <a:ext uri="{FF2B5EF4-FFF2-40B4-BE49-F238E27FC236}">
                <a16:creationId xmlns:a16="http://schemas.microsoft.com/office/drawing/2014/main" id="{518FE943-F15A-3C4A-86DD-9646B757CFE5}"/>
              </a:ext>
            </a:extLst>
          </p:cNvPr>
          <p:cNvSpPr/>
          <p:nvPr/>
        </p:nvSpPr>
        <p:spPr>
          <a:xfrm>
            <a:off x="2266161" y="3587486"/>
            <a:ext cx="160134" cy="164592"/>
          </a:xfrm>
          <a:prstGeom prst="star5">
            <a:avLst/>
          </a:prstGeom>
          <a:solidFill>
            <a:srgbClr val="FFC000"/>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Narrow" panose="020B0604020202020204" pitchFamily="34" charset="0"/>
              <a:ea typeface="+mn-ea"/>
              <a:cs typeface="Arial Narrow" panose="020B0604020202020204" pitchFamily="34" charset="0"/>
            </a:endParaRPr>
          </a:p>
        </p:txBody>
      </p:sp>
    </p:spTree>
    <p:extLst>
      <p:ext uri="{BB962C8B-B14F-4D97-AF65-F5344CB8AC3E}">
        <p14:creationId xmlns:p14="http://schemas.microsoft.com/office/powerpoint/2010/main" val="32029822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able 4">
            <a:extLst>
              <a:ext uri="{FF2B5EF4-FFF2-40B4-BE49-F238E27FC236}">
                <a16:creationId xmlns:a16="http://schemas.microsoft.com/office/drawing/2014/main" id="{6C7A3062-D7E8-467F-8D0C-C9B6987CA7BD}"/>
              </a:ext>
            </a:extLst>
          </p:cNvPr>
          <p:cNvGraphicFramePr>
            <a:graphicFrameLocks noGrp="1"/>
          </p:cNvGraphicFramePr>
          <p:nvPr>
            <p:extLst>
              <p:ext uri="{D42A27DB-BD31-4B8C-83A1-F6EECF244321}">
                <p14:modId xmlns:p14="http://schemas.microsoft.com/office/powerpoint/2010/main" val="1679983130"/>
              </p:ext>
            </p:extLst>
          </p:nvPr>
        </p:nvGraphicFramePr>
        <p:xfrm>
          <a:off x="225042" y="1177006"/>
          <a:ext cx="11741916" cy="5581705"/>
        </p:xfrm>
        <a:graphic>
          <a:graphicData uri="http://schemas.openxmlformats.org/drawingml/2006/table">
            <a:tbl>
              <a:tblPr firstRow="1" firstCol="1" bandRow="1">
                <a:tableStyleId>{5C22544A-7EE6-4342-B048-85BDC9FD1C3A}</a:tableStyleId>
              </a:tblPr>
              <a:tblGrid>
                <a:gridCol w="381000">
                  <a:extLst>
                    <a:ext uri="{9D8B030D-6E8A-4147-A177-3AD203B41FA5}">
                      <a16:colId xmlns:a16="http://schemas.microsoft.com/office/drawing/2014/main" val="2858310368"/>
                    </a:ext>
                  </a:extLst>
                </a:gridCol>
                <a:gridCol w="4270758">
                  <a:extLst>
                    <a:ext uri="{9D8B030D-6E8A-4147-A177-3AD203B41FA5}">
                      <a16:colId xmlns:a16="http://schemas.microsoft.com/office/drawing/2014/main" val="778786058"/>
                    </a:ext>
                  </a:extLst>
                </a:gridCol>
                <a:gridCol w="5899533">
                  <a:extLst>
                    <a:ext uri="{9D8B030D-6E8A-4147-A177-3AD203B41FA5}">
                      <a16:colId xmlns:a16="http://schemas.microsoft.com/office/drawing/2014/main" val="674353417"/>
                    </a:ext>
                  </a:extLst>
                </a:gridCol>
                <a:gridCol w="1190625">
                  <a:extLst>
                    <a:ext uri="{9D8B030D-6E8A-4147-A177-3AD203B41FA5}">
                      <a16:colId xmlns:a16="http://schemas.microsoft.com/office/drawing/2014/main" val="2059185491"/>
                    </a:ext>
                  </a:extLst>
                </a:gridCol>
              </a:tblGrid>
              <a:tr h="335832">
                <a:tc gridSpan="2">
                  <a:txBody>
                    <a:bodyPr/>
                    <a:lstStyle/>
                    <a:p>
                      <a:pPr marL="0" marR="0" algn="ctr">
                        <a:spcBef>
                          <a:spcPts val="0"/>
                        </a:spcBef>
                        <a:spcAft>
                          <a:spcPts val="0"/>
                        </a:spcAft>
                      </a:pPr>
                      <a:r>
                        <a:rPr lang="en-US" sz="1800" dirty="0">
                          <a:effectLst/>
                        </a:rPr>
                        <a:t>TOPIC</a:t>
                      </a:r>
                      <a:endParaRPr lang="en-US" sz="1800" dirty="0">
                        <a:effectLst/>
                        <a:latin typeface="Calibri" panose="020F0502020204030204" pitchFamily="34" charset="0"/>
                        <a:ea typeface="Calibri" panose="020F0502020204030204" pitchFamily="34" charset="0"/>
                      </a:endParaRPr>
                    </a:p>
                  </a:txBody>
                  <a:tcPr marL="9525" marR="9525" marT="9525" marB="9525"/>
                </a:tc>
                <a:tc hMerge="1">
                  <a:txBody>
                    <a:bodyPr/>
                    <a:lstStyle/>
                    <a:p>
                      <a:endParaRPr lang="en-US"/>
                    </a:p>
                  </a:txBody>
                  <a:tcPr/>
                </a:tc>
                <a:tc>
                  <a:txBody>
                    <a:bodyPr/>
                    <a:lstStyle/>
                    <a:p>
                      <a:pPr marL="0" marR="0" algn="ctr">
                        <a:spcBef>
                          <a:spcPts val="0"/>
                        </a:spcBef>
                        <a:spcAft>
                          <a:spcPts val="0"/>
                        </a:spcAft>
                      </a:pPr>
                      <a:r>
                        <a:rPr lang="en-US" sz="1800" dirty="0">
                          <a:effectLst/>
                        </a:rPr>
                        <a:t>LEAD(S)</a:t>
                      </a:r>
                      <a:endParaRPr lang="en-US" sz="1800" dirty="0">
                        <a:effectLst/>
                        <a:latin typeface="Calibri" panose="020F0502020204030204" pitchFamily="34" charset="0"/>
                        <a:ea typeface="Calibri" panose="020F0502020204030204" pitchFamily="34" charset="0"/>
                      </a:endParaRPr>
                    </a:p>
                  </a:txBody>
                  <a:tcPr marL="76200" marR="76200" marT="0" marB="0"/>
                </a:tc>
                <a:tc>
                  <a:txBody>
                    <a:bodyPr/>
                    <a:lstStyle/>
                    <a:p>
                      <a:pPr marL="0" marR="0" algn="ctr">
                        <a:spcBef>
                          <a:spcPts val="0"/>
                        </a:spcBef>
                        <a:spcAft>
                          <a:spcPts val="0"/>
                        </a:spcAft>
                      </a:pPr>
                      <a:r>
                        <a:rPr lang="en-US" sz="1800" dirty="0">
                          <a:effectLst/>
                        </a:rPr>
                        <a:t>TIME (ET)</a:t>
                      </a:r>
                      <a:endParaRPr lang="en-US" sz="1800" dirty="0">
                        <a:effectLst/>
                        <a:latin typeface="Calibri" panose="020F0502020204030204" pitchFamily="34" charset="0"/>
                        <a:ea typeface="Calibri" panose="020F0502020204030204" pitchFamily="34" charset="0"/>
                      </a:endParaRPr>
                    </a:p>
                  </a:txBody>
                  <a:tcPr marL="76200" marR="76200" marT="0" marB="0"/>
                </a:tc>
                <a:extLst>
                  <a:ext uri="{0D108BD9-81ED-4DB2-BD59-A6C34878D82A}">
                    <a16:rowId xmlns:a16="http://schemas.microsoft.com/office/drawing/2014/main" val="76236508"/>
                  </a:ext>
                </a:extLst>
              </a:tr>
              <a:tr h="1009420">
                <a:tc>
                  <a:txBody>
                    <a:bodyPr/>
                    <a:lstStyle/>
                    <a:p>
                      <a:pPr marL="0" marR="0" algn="ctr">
                        <a:spcBef>
                          <a:spcPts val="0"/>
                        </a:spcBef>
                        <a:spcAft>
                          <a:spcPts val="0"/>
                        </a:spcAft>
                      </a:pPr>
                      <a:r>
                        <a:rPr lang="en-US" sz="2000" dirty="0">
                          <a:effectLst/>
                          <a:latin typeface="+mn-lt"/>
                        </a:rPr>
                        <a:t>1</a:t>
                      </a:r>
                      <a:endParaRPr lang="en-US" sz="2000" dirty="0">
                        <a:effectLst/>
                        <a:latin typeface="+mn-lt"/>
                        <a:ea typeface="Calibri" panose="020F0502020204030204" pitchFamily="34" charset="0"/>
                      </a:endParaRPr>
                    </a:p>
                  </a:txBody>
                  <a:tcPr marL="9525" marR="9525" marT="9525" marB="9525"/>
                </a:tc>
                <a:tc>
                  <a:txBody>
                    <a:bodyPr/>
                    <a:lstStyle/>
                    <a:p>
                      <a:pPr marL="0" marR="0">
                        <a:spcBef>
                          <a:spcPts val="0"/>
                        </a:spcBef>
                        <a:spcAft>
                          <a:spcPts val="0"/>
                        </a:spcAft>
                      </a:pPr>
                      <a:r>
                        <a:rPr lang="en-US" sz="1800" dirty="0">
                          <a:effectLst/>
                          <a:latin typeface="+mn-lt"/>
                        </a:rPr>
                        <a:t>Roll Call &amp; Welcome</a:t>
                      </a:r>
                      <a:endParaRPr lang="en-US" sz="1800" dirty="0">
                        <a:effectLst/>
                        <a:latin typeface="+mn-lt"/>
                        <a:ea typeface="Calibri" panose="020F0502020204030204" pitchFamily="34" charset="0"/>
                      </a:endParaRPr>
                    </a:p>
                  </a:txBody>
                  <a:tcPr marL="76200" marR="76200" marT="0" marB="0"/>
                </a:tc>
                <a:tc>
                  <a:txBody>
                    <a:bodyPr/>
                    <a:lstStyle/>
                    <a:p>
                      <a:pPr marL="0" marR="0">
                        <a:spcBef>
                          <a:spcPts val="0"/>
                        </a:spcBef>
                        <a:spcAft>
                          <a:spcPts val="0"/>
                        </a:spcAft>
                      </a:pPr>
                      <a:r>
                        <a:rPr lang="en-US" sz="1800" dirty="0">
                          <a:effectLst/>
                          <a:latin typeface="+mn-lt"/>
                        </a:rPr>
                        <a:t>Maria Michaels </a:t>
                      </a:r>
                    </a:p>
                    <a:p>
                      <a:pPr marL="0" marR="0">
                        <a:spcBef>
                          <a:spcPts val="0"/>
                        </a:spcBef>
                        <a:spcAft>
                          <a:spcPts val="0"/>
                        </a:spcAft>
                      </a:pPr>
                      <a:r>
                        <a:rPr lang="en-US" sz="1800" dirty="0">
                          <a:effectLst/>
                          <a:latin typeface="+mn-lt"/>
                        </a:rPr>
                        <a:t>TEP Co-Chairs:</a:t>
                      </a:r>
                    </a:p>
                    <a:p>
                      <a:pPr marL="0" marR="0">
                        <a:spcBef>
                          <a:spcPts val="0"/>
                        </a:spcBef>
                        <a:spcAft>
                          <a:spcPts val="0"/>
                        </a:spcAft>
                      </a:pPr>
                      <a:r>
                        <a:rPr lang="en-US" sz="1800" dirty="0">
                          <a:effectLst/>
                          <a:latin typeface="+mn-lt"/>
                        </a:rPr>
                        <a:t>Bill Lober</a:t>
                      </a:r>
                    </a:p>
                    <a:p>
                      <a:pPr marL="0" marR="0">
                        <a:spcBef>
                          <a:spcPts val="0"/>
                        </a:spcBef>
                        <a:spcAft>
                          <a:spcPts val="0"/>
                        </a:spcAft>
                      </a:pPr>
                      <a:r>
                        <a:rPr lang="en-US" sz="1800" dirty="0">
                          <a:effectLst/>
                          <a:latin typeface="+mn-lt"/>
                        </a:rPr>
                        <a:t>John Loonsk</a:t>
                      </a:r>
                      <a:endParaRPr lang="en-US" sz="1800" dirty="0">
                        <a:effectLst/>
                        <a:latin typeface="+mn-lt"/>
                        <a:ea typeface="Calibri" panose="020F0502020204030204" pitchFamily="34" charset="0"/>
                      </a:endParaRPr>
                    </a:p>
                  </a:txBody>
                  <a:tcPr marL="76200" marR="76200" marT="0" marB="0"/>
                </a:tc>
                <a:tc>
                  <a:txBody>
                    <a:bodyPr/>
                    <a:lstStyle/>
                    <a:p>
                      <a:pPr marL="0" marR="0" algn="ctr">
                        <a:spcBef>
                          <a:spcPts val="0"/>
                        </a:spcBef>
                        <a:spcAft>
                          <a:spcPts val="0"/>
                        </a:spcAft>
                      </a:pPr>
                      <a:r>
                        <a:rPr lang="en-US" sz="1800" dirty="0">
                          <a:effectLst/>
                          <a:latin typeface="+mn-lt"/>
                        </a:rPr>
                        <a:t>3:00 - 3:05</a:t>
                      </a:r>
                      <a:endParaRPr lang="en-US" sz="1800" dirty="0">
                        <a:effectLst/>
                        <a:latin typeface="+mn-lt"/>
                        <a:ea typeface="Calibri" panose="020F0502020204030204" pitchFamily="34" charset="0"/>
                      </a:endParaRPr>
                    </a:p>
                  </a:txBody>
                  <a:tcPr marL="76200" marR="76200" marT="0" marB="0"/>
                </a:tc>
                <a:extLst>
                  <a:ext uri="{0D108BD9-81ED-4DB2-BD59-A6C34878D82A}">
                    <a16:rowId xmlns:a16="http://schemas.microsoft.com/office/drawing/2014/main" val="2916790626"/>
                  </a:ext>
                </a:extLst>
              </a:tr>
              <a:tr h="466400">
                <a:tc>
                  <a:txBody>
                    <a:bodyPr/>
                    <a:lstStyle/>
                    <a:p>
                      <a:pPr marL="0" marR="0" algn="ctr">
                        <a:spcBef>
                          <a:spcPts val="0"/>
                        </a:spcBef>
                        <a:spcAft>
                          <a:spcPts val="0"/>
                        </a:spcAft>
                      </a:pPr>
                      <a:r>
                        <a:rPr lang="en-US" sz="2000" dirty="0">
                          <a:effectLst/>
                          <a:latin typeface="+mn-lt"/>
                          <a:ea typeface="Calibri" panose="020F0502020204030204" pitchFamily="34" charset="0"/>
                        </a:rPr>
                        <a:t>2</a:t>
                      </a:r>
                    </a:p>
                  </a:txBody>
                  <a:tcPr marL="9525" marR="9525" marT="9525" marB="9525"/>
                </a:tc>
                <a:tc>
                  <a:txBody>
                    <a:bodyPr/>
                    <a:lstStyle/>
                    <a:p>
                      <a:pPr marL="0" marR="0">
                        <a:spcBef>
                          <a:spcPts val="0"/>
                        </a:spcBef>
                        <a:spcAft>
                          <a:spcPts val="0"/>
                        </a:spcAft>
                      </a:pPr>
                      <a:r>
                        <a:rPr lang="en-US" sz="1800" dirty="0">
                          <a:effectLst/>
                          <a:latin typeface="+mn-lt"/>
                          <a:ea typeface="Calibri" panose="020F0502020204030204" pitchFamily="34" charset="0"/>
                        </a:rPr>
                        <a:t>HL7 and MedMorph Project Update</a:t>
                      </a:r>
                    </a:p>
                  </a:txBody>
                  <a:tcPr marL="76200" marR="76200" marT="0" marB="0"/>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mn-lt"/>
                          <a:ea typeface="Calibri" panose="020F0502020204030204" pitchFamily="34" charset="0"/>
                        </a:rPr>
                        <a:t>Nagesh Bashyam, Jamie Parker</a:t>
                      </a:r>
                    </a:p>
                  </a:txBody>
                  <a:tcPr marL="76200" marR="76200" marT="0" marB="0"/>
                </a:tc>
                <a:tc>
                  <a:txBody>
                    <a:bodyPr/>
                    <a:lstStyle/>
                    <a:p>
                      <a:pPr marL="0" marR="0" algn="ctr">
                        <a:spcBef>
                          <a:spcPts val="0"/>
                        </a:spcBef>
                        <a:spcAft>
                          <a:spcPts val="0"/>
                        </a:spcAft>
                      </a:pPr>
                      <a:r>
                        <a:rPr lang="en-US" sz="1800" dirty="0">
                          <a:effectLst/>
                          <a:latin typeface="+mn-lt"/>
                          <a:ea typeface="Calibri" panose="020F0502020204030204" pitchFamily="34" charset="0"/>
                        </a:rPr>
                        <a:t>3:05-3:10</a:t>
                      </a:r>
                    </a:p>
                  </a:txBody>
                  <a:tcPr marL="76200" marR="76200" marT="0" marB="0"/>
                </a:tc>
                <a:extLst>
                  <a:ext uri="{0D108BD9-81ED-4DB2-BD59-A6C34878D82A}">
                    <a16:rowId xmlns:a16="http://schemas.microsoft.com/office/drawing/2014/main" val="2958332780"/>
                  </a:ext>
                </a:extLst>
              </a:tr>
              <a:tr h="466400">
                <a:tc>
                  <a:txBody>
                    <a:bodyPr/>
                    <a:lstStyle/>
                    <a:p>
                      <a:pPr marL="0" marR="0" algn="ctr">
                        <a:spcBef>
                          <a:spcPts val="0"/>
                        </a:spcBef>
                        <a:spcAft>
                          <a:spcPts val="0"/>
                        </a:spcAft>
                      </a:pPr>
                      <a:r>
                        <a:rPr lang="en-US" sz="2000" dirty="0">
                          <a:effectLst/>
                          <a:latin typeface="+mn-lt"/>
                          <a:ea typeface="Calibri" panose="020F0502020204030204" pitchFamily="34" charset="0"/>
                        </a:rPr>
                        <a:t>3</a:t>
                      </a:r>
                    </a:p>
                  </a:txBody>
                  <a:tcPr marL="9525" marR="9525" marT="9525" marB="9525"/>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i="1" dirty="0"/>
                        <a:t>MCC eCare and MedMorph Projects -Opportunities for Collaboration</a:t>
                      </a:r>
                      <a:endParaRPr lang="en-US" sz="1800" b="0" i="1" dirty="0"/>
                    </a:p>
                    <a:p>
                      <a:pPr marL="0" marR="0">
                        <a:spcBef>
                          <a:spcPts val="0"/>
                        </a:spcBef>
                        <a:spcAft>
                          <a:spcPts val="0"/>
                        </a:spcAft>
                      </a:pPr>
                      <a:endParaRPr lang="en-US" sz="1800" b="0" dirty="0">
                        <a:effectLst/>
                        <a:latin typeface="+mn-lt"/>
                        <a:ea typeface="Calibri" panose="020F0502020204030204" pitchFamily="34" charset="0"/>
                      </a:endParaRPr>
                    </a:p>
                  </a:txBody>
                  <a:tcPr marL="76200" marR="76200" marT="0" marB="0"/>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t>Jenna Norton, MPH</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mn-lt"/>
                          <a:ea typeface="Calibri" panose="020F0502020204030204" pitchFamily="34" charset="0"/>
                        </a:rPr>
                        <a:t>National Institutes of Health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mn-lt"/>
                          <a:ea typeface="Calibri" panose="020F0502020204030204" pitchFamily="34" charset="0"/>
                        </a:rPr>
                        <a:t>National institute of Diabetes and Digestive and Kidney Disease (NIDDK) </a:t>
                      </a:r>
                    </a:p>
                  </a:txBody>
                  <a:tcPr marL="76200" marR="76200" marT="0" marB="0"/>
                </a:tc>
                <a:tc>
                  <a:txBody>
                    <a:bodyPr/>
                    <a:lstStyle/>
                    <a:p>
                      <a:pPr marL="0" marR="0" algn="ctr">
                        <a:spcBef>
                          <a:spcPts val="0"/>
                        </a:spcBef>
                        <a:spcAft>
                          <a:spcPts val="0"/>
                        </a:spcAft>
                      </a:pPr>
                      <a:r>
                        <a:rPr lang="en-US" sz="1800" dirty="0">
                          <a:effectLst/>
                          <a:latin typeface="+mn-lt"/>
                          <a:ea typeface="Calibri" panose="020F0502020204030204" pitchFamily="34" charset="0"/>
                        </a:rPr>
                        <a:t>3:10 - 3:25</a:t>
                      </a:r>
                    </a:p>
                  </a:txBody>
                  <a:tcPr marL="76200" marR="76200" marT="0" marB="0"/>
                </a:tc>
                <a:extLst>
                  <a:ext uri="{0D108BD9-81ED-4DB2-BD59-A6C34878D82A}">
                    <a16:rowId xmlns:a16="http://schemas.microsoft.com/office/drawing/2014/main" val="2922985084"/>
                  </a:ext>
                </a:extLst>
              </a:tr>
              <a:tr h="272115">
                <a:tc>
                  <a:txBody>
                    <a:bodyPr/>
                    <a:lstStyle/>
                    <a:p>
                      <a:pPr marL="0" marR="0" algn="ctr">
                        <a:spcBef>
                          <a:spcPts val="0"/>
                        </a:spcBef>
                        <a:spcAft>
                          <a:spcPts val="0"/>
                        </a:spcAft>
                      </a:pPr>
                      <a:r>
                        <a:rPr lang="en-US" sz="2000" dirty="0">
                          <a:effectLst/>
                          <a:latin typeface="+mn-lt"/>
                        </a:rPr>
                        <a:t>4</a:t>
                      </a:r>
                      <a:endParaRPr lang="en-US" sz="2000" dirty="0">
                        <a:effectLst/>
                        <a:latin typeface="+mn-lt"/>
                        <a:ea typeface="Calibri" panose="020F0502020204030204" pitchFamily="34" charset="0"/>
                      </a:endParaRPr>
                    </a:p>
                  </a:txBody>
                  <a:tcPr marL="9525" marR="9525" marT="9525" marB="9525"/>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i="1" dirty="0"/>
                        <a:t>Exploring Interoperability Between Electronic Health Records (EHRs) and Electronic Death Registration System (EDRS) using FHIR</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b="0" dirty="0">
                        <a:effectLst/>
                        <a:latin typeface="+mn-lt"/>
                        <a:ea typeface="Calibri" panose="020F0502020204030204" pitchFamily="34" charset="0"/>
                      </a:endParaRPr>
                    </a:p>
                  </a:txBody>
                  <a:tcPr marL="76200" marR="76200" marT="0" marB="0"/>
                </a:tc>
                <a:tc>
                  <a:txBody>
                    <a:bodyPr/>
                    <a:lstStyle/>
                    <a:p>
                      <a:r>
                        <a:rPr lang="en-US" sz="1800" dirty="0"/>
                        <a:t>Prachi Mehta</a:t>
                      </a:r>
                    </a:p>
                    <a:p>
                      <a:r>
                        <a:rPr lang="en-US" sz="1800" dirty="0"/>
                        <a:t>Cindy Bush</a:t>
                      </a:r>
                    </a:p>
                    <a:p>
                      <a:r>
                        <a:rPr lang="en-US" sz="1800" dirty="0"/>
                        <a:t>CDC National Center Health Statistics, Division of Vital Statistic (NCHS, DVS)</a:t>
                      </a:r>
                    </a:p>
                  </a:txBody>
                  <a:tcPr marL="76200" marR="76200" marT="0" marB="0"/>
                </a:tc>
                <a:tc>
                  <a:txBody>
                    <a:bodyPr/>
                    <a:lstStyle/>
                    <a:p>
                      <a:pPr marL="0" marR="0" algn="ctr">
                        <a:spcBef>
                          <a:spcPts val="0"/>
                        </a:spcBef>
                        <a:spcAft>
                          <a:spcPts val="0"/>
                        </a:spcAft>
                      </a:pPr>
                      <a:r>
                        <a:rPr lang="en-US" sz="1800" dirty="0">
                          <a:effectLst/>
                          <a:latin typeface="+mn-lt"/>
                        </a:rPr>
                        <a:t>3:25 - 3:40</a:t>
                      </a:r>
                      <a:endParaRPr lang="en-US" sz="1800" dirty="0">
                        <a:effectLst/>
                        <a:latin typeface="+mn-lt"/>
                        <a:ea typeface="Calibri" panose="020F0502020204030204" pitchFamily="34" charset="0"/>
                      </a:endParaRPr>
                    </a:p>
                  </a:txBody>
                  <a:tcPr marL="76200" marR="76200" marT="0" marB="0"/>
                </a:tc>
                <a:extLst>
                  <a:ext uri="{0D108BD9-81ED-4DB2-BD59-A6C34878D82A}">
                    <a16:rowId xmlns:a16="http://schemas.microsoft.com/office/drawing/2014/main" val="1176444125"/>
                  </a:ext>
                </a:extLst>
              </a:tr>
              <a:tr h="390353">
                <a:tc>
                  <a:txBody>
                    <a:bodyPr/>
                    <a:lstStyle/>
                    <a:p>
                      <a:pPr marL="0" marR="0" algn="ctr">
                        <a:spcBef>
                          <a:spcPts val="0"/>
                        </a:spcBef>
                        <a:spcAft>
                          <a:spcPts val="0"/>
                        </a:spcAft>
                      </a:pPr>
                      <a:r>
                        <a:rPr lang="en-US" sz="2000" dirty="0">
                          <a:effectLst/>
                          <a:latin typeface="+mn-lt"/>
                          <a:ea typeface="Calibri" panose="020F0502020204030204" pitchFamily="34" charset="0"/>
                        </a:rPr>
                        <a:t>5</a:t>
                      </a:r>
                    </a:p>
                  </a:txBody>
                  <a:tcPr marL="9525" marR="9525" marT="9525" marB="9525"/>
                </a:tc>
                <a:tc>
                  <a:txBody>
                    <a:bodyPr/>
                    <a:lstStyle/>
                    <a:p>
                      <a:pPr marL="0" marR="0">
                        <a:spcBef>
                          <a:spcPts val="0"/>
                        </a:spcBef>
                        <a:spcAft>
                          <a:spcPts val="0"/>
                        </a:spcAft>
                      </a:pPr>
                      <a:r>
                        <a:rPr lang="en-US" sz="1800" dirty="0">
                          <a:effectLst/>
                          <a:latin typeface="+mn-lt"/>
                          <a:ea typeface="Calibri" panose="020F0502020204030204" pitchFamily="34" charset="0"/>
                        </a:rPr>
                        <a:t>Discussion</a:t>
                      </a:r>
                    </a:p>
                  </a:txBody>
                  <a:tcPr marL="76200" marR="76200" marT="0" marB="0"/>
                </a:tc>
                <a:tc>
                  <a:txBody>
                    <a:bodyPr/>
                    <a:lstStyle/>
                    <a:p>
                      <a:pPr marL="0" marR="0">
                        <a:spcBef>
                          <a:spcPts val="0"/>
                        </a:spcBef>
                        <a:spcAft>
                          <a:spcPts val="0"/>
                        </a:spcAft>
                      </a:pPr>
                      <a:r>
                        <a:rPr lang="en-US" sz="1800" dirty="0">
                          <a:effectLst/>
                          <a:latin typeface="+mn-lt"/>
                          <a:ea typeface="Calibri" panose="020F0502020204030204" pitchFamily="34" charset="0"/>
                        </a:rPr>
                        <a:t>Entire TEP</a:t>
                      </a:r>
                    </a:p>
                  </a:txBody>
                  <a:tcPr marL="76200" marR="76200" marT="0" marB="0"/>
                </a:tc>
                <a:tc>
                  <a:txBody>
                    <a:bodyPr/>
                    <a:lstStyle/>
                    <a:p>
                      <a:pPr marL="0" marR="0" algn="ctr">
                        <a:spcBef>
                          <a:spcPts val="0"/>
                        </a:spcBef>
                        <a:spcAft>
                          <a:spcPts val="0"/>
                        </a:spcAft>
                      </a:pPr>
                      <a:r>
                        <a:rPr lang="en-US" sz="1800" dirty="0">
                          <a:effectLst/>
                          <a:latin typeface="+mn-lt"/>
                          <a:ea typeface="Calibri" panose="020F0502020204030204" pitchFamily="34" charset="0"/>
                        </a:rPr>
                        <a:t>3:40 - 3:55</a:t>
                      </a:r>
                    </a:p>
                  </a:txBody>
                  <a:tcPr marL="76200" marR="76200" marT="0" marB="0"/>
                </a:tc>
                <a:extLst>
                  <a:ext uri="{0D108BD9-81ED-4DB2-BD59-A6C34878D82A}">
                    <a16:rowId xmlns:a16="http://schemas.microsoft.com/office/drawing/2014/main" val="3354475255"/>
                  </a:ext>
                </a:extLst>
              </a:tr>
              <a:tr h="734437">
                <a:tc>
                  <a:txBody>
                    <a:bodyPr/>
                    <a:lstStyle/>
                    <a:p>
                      <a:pPr marL="0" marR="0" algn="ctr">
                        <a:spcBef>
                          <a:spcPts val="0"/>
                        </a:spcBef>
                        <a:spcAft>
                          <a:spcPts val="0"/>
                        </a:spcAft>
                      </a:pPr>
                      <a:r>
                        <a:rPr lang="en-US" sz="2000" dirty="0">
                          <a:effectLst/>
                          <a:latin typeface="+mn-lt"/>
                        </a:rPr>
                        <a:t>6</a:t>
                      </a:r>
                      <a:endParaRPr lang="en-US" sz="2000" dirty="0">
                        <a:effectLst/>
                        <a:latin typeface="+mn-lt"/>
                        <a:ea typeface="Calibri" panose="020F0502020204030204" pitchFamily="34" charset="0"/>
                      </a:endParaRPr>
                    </a:p>
                  </a:txBody>
                  <a:tcPr marL="9525" marR="9525" marT="9525" marB="9525"/>
                </a:tc>
                <a:tc>
                  <a:txBody>
                    <a:bodyPr/>
                    <a:lstStyle/>
                    <a:p>
                      <a:pPr marL="0" marR="0">
                        <a:spcBef>
                          <a:spcPts val="0"/>
                        </a:spcBef>
                        <a:spcAft>
                          <a:spcPts val="0"/>
                        </a:spcAft>
                      </a:pPr>
                      <a:r>
                        <a:rPr lang="en-US" sz="1800" dirty="0">
                          <a:effectLst/>
                          <a:latin typeface="+mn-lt"/>
                        </a:rPr>
                        <a:t>Questions, Next Steps</a:t>
                      </a:r>
                    </a:p>
                    <a:p>
                      <a:pPr marL="0" marR="0">
                        <a:spcBef>
                          <a:spcPts val="0"/>
                        </a:spcBef>
                        <a:spcAft>
                          <a:spcPts val="0"/>
                        </a:spcAft>
                      </a:pPr>
                      <a:r>
                        <a:rPr lang="en-US" sz="1800" dirty="0">
                          <a:effectLst/>
                          <a:latin typeface="+mn-lt"/>
                        </a:rPr>
                        <a:t>Next Meeting – August 18</a:t>
                      </a:r>
                      <a:r>
                        <a:rPr lang="en-US" sz="1800" baseline="30000" dirty="0">
                          <a:effectLst/>
                          <a:latin typeface="+mn-lt"/>
                        </a:rPr>
                        <a:t>th</a:t>
                      </a:r>
                      <a:r>
                        <a:rPr lang="en-US" sz="1800" dirty="0">
                          <a:effectLst/>
                          <a:latin typeface="+mn-lt"/>
                        </a:rPr>
                        <a:t>, 2020</a:t>
                      </a:r>
                      <a:endParaRPr lang="en-US" sz="1800" dirty="0">
                        <a:effectLst/>
                        <a:latin typeface="+mn-lt"/>
                        <a:ea typeface="Calibri" panose="020F0502020204030204" pitchFamily="34" charset="0"/>
                      </a:endParaRPr>
                    </a:p>
                  </a:txBody>
                  <a:tcPr marL="76200" marR="76200" marT="0" marB="0"/>
                </a:tc>
                <a:tc>
                  <a:txBody>
                    <a:bodyPr/>
                    <a:lstStyle/>
                    <a:p>
                      <a:pPr marL="0" marR="0">
                        <a:spcBef>
                          <a:spcPts val="0"/>
                        </a:spcBef>
                        <a:spcAft>
                          <a:spcPts val="0"/>
                        </a:spcAft>
                      </a:pPr>
                      <a:r>
                        <a:rPr lang="en-US" sz="1800" dirty="0">
                          <a:effectLst/>
                          <a:latin typeface="+mn-lt"/>
                        </a:rPr>
                        <a:t>Bill Lober</a:t>
                      </a:r>
                    </a:p>
                    <a:p>
                      <a:pPr marL="0" marR="0">
                        <a:spcBef>
                          <a:spcPts val="0"/>
                        </a:spcBef>
                        <a:spcAft>
                          <a:spcPts val="0"/>
                        </a:spcAft>
                      </a:pPr>
                      <a:r>
                        <a:rPr lang="en-US" sz="1800" dirty="0">
                          <a:effectLst/>
                          <a:latin typeface="+mn-lt"/>
                        </a:rPr>
                        <a:t>John Loonsk</a:t>
                      </a:r>
                    </a:p>
                    <a:p>
                      <a:pPr marL="0" marR="0">
                        <a:spcBef>
                          <a:spcPts val="0"/>
                        </a:spcBef>
                        <a:spcAft>
                          <a:spcPts val="0"/>
                        </a:spcAft>
                      </a:pPr>
                      <a:r>
                        <a:rPr lang="en-US" sz="1800" dirty="0">
                          <a:effectLst/>
                          <a:latin typeface="+mn-lt"/>
                        </a:rPr>
                        <a:t>MedMorph Project Team</a:t>
                      </a:r>
                      <a:endParaRPr lang="en-US" sz="1800" dirty="0">
                        <a:effectLst/>
                        <a:latin typeface="+mn-lt"/>
                        <a:ea typeface="Calibri" panose="020F0502020204030204" pitchFamily="34" charset="0"/>
                      </a:endParaRPr>
                    </a:p>
                  </a:txBody>
                  <a:tcPr marL="76200" marR="76200" marT="0" marB="0"/>
                </a:tc>
                <a:tc>
                  <a:txBody>
                    <a:bodyPr/>
                    <a:lstStyle/>
                    <a:p>
                      <a:pPr marL="0" marR="0" algn="ctr">
                        <a:spcBef>
                          <a:spcPts val="0"/>
                        </a:spcBef>
                        <a:spcAft>
                          <a:spcPts val="0"/>
                        </a:spcAft>
                      </a:pPr>
                      <a:r>
                        <a:rPr lang="en-US" sz="1800" dirty="0">
                          <a:effectLst/>
                          <a:latin typeface="+mn-lt"/>
                        </a:rPr>
                        <a:t>3:55 - 4:00</a:t>
                      </a:r>
                      <a:endParaRPr lang="en-US" sz="1800" dirty="0">
                        <a:effectLst/>
                        <a:latin typeface="+mn-lt"/>
                        <a:ea typeface="Calibri" panose="020F0502020204030204" pitchFamily="34" charset="0"/>
                      </a:endParaRPr>
                    </a:p>
                  </a:txBody>
                  <a:tcPr marL="76200" marR="76200" marT="0" marB="0"/>
                </a:tc>
                <a:extLst>
                  <a:ext uri="{0D108BD9-81ED-4DB2-BD59-A6C34878D82A}">
                    <a16:rowId xmlns:a16="http://schemas.microsoft.com/office/drawing/2014/main" val="1672933524"/>
                  </a:ext>
                </a:extLst>
              </a:tr>
            </a:tbl>
          </a:graphicData>
        </a:graphic>
      </p:graphicFrame>
      <p:sp>
        <p:nvSpPr>
          <p:cNvPr id="6" name="Title 4">
            <a:extLst>
              <a:ext uri="{FF2B5EF4-FFF2-40B4-BE49-F238E27FC236}">
                <a16:creationId xmlns:a16="http://schemas.microsoft.com/office/drawing/2014/main" id="{271EC2C5-B78C-4875-A70A-44F2C3EB30B5}"/>
              </a:ext>
            </a:extLst>
          </p:cNvPr>
          <p:cNvSpPr txBox="1">
            <a:spLocks/>
          </p:cNvSpPr>
          <p:nvPr/>
        </p:nvSpPr>
        <p:spPr>
          <a:xfrm>
            <a:off x="315568" y="243744"/>
            <a:ext cx="10913164" cy="72534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600" dirty="0">
                <a:solidFill>
                  <a:srgbClr val="0070C0"/>
                </a:solidFill>
                <a:latin typeface="+mn-lt"/>
              </a:rPr>
              <a:t>MedMorph TEP Meeting – 07/21/2020</a:t>
            </a:r>
          </a:p>
        </p:txBody>
      </p:sp>
    </p:spTree>
    <p:extLst>
      <p:ext uri="{BB962C8B-B14F-4D97-AF65-F5344CB8AC3E}">
        <p14:creationId xmlns:p14="http://schemas.microsoft.com/office/powerpoint/2010/main" val="183641917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FCCF7EF5-31E4-FD4A-A136-9375A756A928}"/>
              </a:ext>
            </a:extLst>
          </p:cNvPr>
          <p:cNvSpPr/>
          <p:nvPr/>
        </p:nvSpPr>
        <p:spPr>
          <a:xfrm>
            <a:off x="8339959" y="5454869"/>
            <a:ext cx="3852041" cy="140313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C5BAFA11-B245-7A4F-8694-697EEF1D18FF}"/>
              </a:ext>
            </a:extLst>
          </p:cNvPr>
          <p:cNvSpPr>
            <a:spLocks noGrp="1"/>
          </p:cNvSpPr>
          <p:nvPr>
            <p:ph type="title"/>
          </p:nvPr>
        </p:nvSpPr>
        <p:spPr/>
        <p:txBody>
          <a:bodyPr/>
          <a:lstStyle/>
          <a:p>
            <a:r>
              <a:rPr lang="en-US" dirty="0"/>
              <a:t>Technical Expert Panel</a:t>
            </a:r>
          </a:p>
        </p:txBody>
      </p:sp>
      <p:sp>
        <p:nvSpPr>
          <p:cNvPr id="3" name="Content Placeholder 2">
            <a:extLst>
              <a:ext uri="{FF2B5EF4-FFF2-40B4-BE49-F238E27FC236}">
                <a16:creationId xmlns:a16="http://schemas.microsoft.com/office/drawing/2014/main" id="{B6465920-B71F-4B4E-ADE0-612319CBC029}"/>
              </a:ext>
            </a:extLst>
          </p:cNvPr>
          <p:cNvSpPr>
            <a:spLocks noGrp="1"/>
          </p:cNvSpPr>
          <p:nvPr>
            <p:ph idx="1"/>
          </p:nvPr>
        </p:nvSpPr>
        <p:spPr>
          <a:xfrm>
            <a:off x="1" y="1227973"/>
            <a:ext cx="12047482" cy="5603357"/>
          </a:xfrm>
        </p:spPr>
        <p:txBody>
          <a:bodyPr numCol="4" spcCol="182880">
            <a:noAutofit/>
          </a:bodyPr>
          <a:lstStyle/>
          <a:p>
            <a:pPr marL="0" indent="0">
              <a:spcBef>
                <a:spcPts val="0"/>
              </a:spcBef>
              <a:buNone/>
            </a:pPr>
            <a:r>
              <a:rPr lang="en-US" sz="1300" b="1" u="sng" dirty="0"/>
              <a:t>Patients</a:t>
            </a:r>
          </a:p>
          <a:p>
            <a:pPr marL="127000" indent="-127000">
              <a:spcBef>
                <a:spcPts val="0"/>
              </a:spcBef>
            </a:pPr>
            <a:r>
              <a:rPr lang="en-US" sz="1300" dirty="0"/>
              <a:t>Richard Knight, MBA, American Association for Kidney Patients</a:t>
            </a:r>
          </a:p>
          <a:p>
            <a:pPr marL="127000" indent="-127000">
              <a:spcBef>
                <a:spcPts val="0"/>
              </a:spcBef>
            </a:pPr>
            <a:r>
              <a:rPr lang="en-US" sz="1300" dirty="0"/>
              <a:t>Shabina Khan,  PCORI Ambassador</a:t>
            </a:r>
          </a:p>
          <a:p>
            <a:pPr marL="127000" indent="-127000">
              <a:spcBef>
                <a:spcPts val="0"/>
              </a:spcBef>
            </a:pPr>
            <a:r>
              <a:rPr lang="en-US" sz="1300" dirty="0"/>
              <a:t>Julisa Voinche, Patient</a:t>
            </a:r>
          </a:p>
          <a:p>
            <a:pPr marL="127000" indent="-127000">
              <a:spcBef>
                <a:spcPts val="0"/>
              </a:spcBef>
            </a:pPr>
            <a:r>
              <a:rPr lang="en-US" sz="1300" dirty="0"/>
              <a:t>Sharon McDaniel, Patient</a:t>
            </a:r>
          </a:p>
          <a:p>
            <a:pPr marL="0" indent="0">
              <a:spcBef>
                <a:spcPts val="0"/>
              </a:spcBef>
              <a:buNone/>
            </a:pPr>
            <a:endParaRPr lang="en-US" sz="400" b="1" u="sng" dirty="0"/>
          </a:p>
          <a:p>
            <a:pPr marL="0" lvl="0" indent="0">
              <a:spcBef>
                <a:spcPts val="0"/>
              </a:spcBef>
              <a:buClr>
                <a:srgbClr val="1F497D"/>
              </a:buClr>
              <a:buNone/>
            </a:pPr>
            <a:r>
              <a:rPr lang="en-US" sz="1300" b="1" u="sng" dirty="0"/>
              <a:t>Internal Med/ Primary Care</a:t>
            </a:r>
          </a:p>
          <a:p>
            <a:pPr marL="127000" lvl="0" indent="-127000">
              <a:spcBef>
                <a:spcPts val="0"/>
              </a:spcBef>
              <a:buClr>
                <a:srgbClr val="1F497D"/>
              </a:buClr>
            </a:pPr>
            <a:r>
              <a:rPr lang="en-US" sz="1300" dirty="0"/>
              <a:t>Theresa Cullen, MD, MS, FAMIA, Regenstrief Institute</a:t>
            </a:r>
          </a:p>
          <a:p>
            <a:pPr marL="127000" lvl="0" indent="-127000">
              <a:spcBef>
                <a:spcPts val="0"/>
              </a:spcBef>
              <a:buClr>
                <a:srgbClr val="1F497D"/>
              </a:buClr>
            </a:pPr>
            <a:r>
              <a:rPr lang="en-US" sz="1300" dirty="0"/>
              <a:t>Alex Krist, MD, MPH, Virginia Commonwealth University</a:t>
            </a:r>
          </a:p>
          <a:p>
            <a:pPr marL="127000" lvl="0" indent="-127000">
              <a:spcBef>
                <a:spcPts val="0"/>
              </a:spcBef>
              <a:buClr>
                <a:srgbClr val="1F497D"/>
              </a:buClr>
            </a:pPr>
            <a:r>
              <a:rPr lang="en-US" sz="1300" dirty="0"/>
              <a:t>Bob Philips, MD, MSPH, ABFM</a:t>
            </a:r>
          </a:p>
          <a:p>
            <a:pPr marL="127000" lvl="0" indent="-127000">
              <a:spcBef>
                <a:spcPts val="0"/>
              </a:spcBef>
              <a:buClr>
                <a:srgbClr val="1F497D"/>
              </a:buClr>
            </a:pPr>
            <a:r>
              <a:rPr lang="en-US" sz="1300" dirty="0"/>
              <a:t>Christine Everett, PA, PhD, MPH, Duke University</a:t>
            </a:r>
          </a:p>
          <a:p>
            <a:pPr marL="127000" lvl="0" indent="-127000">
              <a:spcBef>
                <a:spcPts val="0"/>
              </a:spcBef>
              <a:buClr>
                <a:srgbClr val="1F497D"/>
              </a:buClr>
            </a:pPr>
            <a:r>
              <a:rPr lang="en-US" sz="1300" dirty="0"/>
              <a:t>Neda Laiteerapong, MD, MS, University of Chicago</a:t>
            </a:r>
          </a:p>
          <a:p>
            <a:pPr marL="127000" lvl="0" indent="-127000">
              <a:spcBef>
                <a:spcPts val="0"/>
              </a:spcBef>
              <a:buClr>
                <a:srgbClr val="1F497D"/>
              </a:buClr>
            </a:pPr>
            <a:r>
              <a:rPr lang="en-US" sz="1300" dirty="0"/>
              <a:t>David A. Dorr M.D., M.S., OHSU</a:t>
            </a:r>
          </a:p>
          <a:p>
            <a:pPr marL="127000" lvl="0" indent="-127000">
              <a:spcBef>
                <a:spcPts val="0"/>
              </a:spcBef>
              <a:buClr>
                <a:srgbClr val="1F497D"/>
              </a:buClr>
            </a:pPr>
            <a:r>
              <a:rPr lang="en-US" sz="1300" dirty="0"/>
              <a:t>James Ralston, Kaiser Permanente</a:t>
            </a:r>
          </a:p>
          <a:p>
            <a:pPr marL="127000" lvl="0" indent="-127000">
              <a:spcBef>
                <a:spcPts val="0"/>
              </a:spcBef>
              <a:buClr>
                <a:srgbClr val="1F497D"/>
              </a:buClr>
            </a:pPr>
            <a:r>
              <a:rPr lang="en-US" sz="1300" dirty="0"/>
              <a:t>Ashok Reddy, MD, VHA</a:t>
            </a:r>
          </a:p>
          <a:p>
            <a:pPr marL="127000" lvl="0" indent="-127000">
              <a:spcBef>
                <a:spcPts val="0"/>
              </a:spcBef>
              <a:buClr>
                <a:srgbClr val="1F497D"/>
              </a:buClr>
            </a:pPr>
            <a:r>
              <a:rPr lang="en-US" sz="1300" dirty="0"/>
              <a:t>Melissa Wei, MD, MPH, Michigan</a:t>
            </a:r>
          </a:p>
          <a:p>
            <a:pPr marL="127000" lvl="0" indent="-127000">
              <a:spcBef>
                <a:spcPts val="0"/>
              </a:spcBef>
              <a:buClr>
                <a:srgbClr val="1F497D"/>
              </a:buClr>
            </a:pPr>
            <a:endParaRPr lang="en-US" sz="300" dirty="0"/>
          </a:p>
          <a:p>
            <a:pPr marL="0" lvl="0" indent="0">
              <a:spcBef>
                <a:spcPts val="0"/>
              </a:spcBef>
              <a:buClr>
                <a:srgbClr val="1F497D"/>
              </a:buClr>
              <a:buNone/>
            </a:pPr>
            <a:endParaRPr lang="en-US" sz="1300" b="1" u="sng" dirty="0"/>
          </a:p>
          <a:p>
            <a:pPr marL="0" lvl="0" indent="0">
              <a:spcBef>
                <a:spcPts val="0"/>
              </a:spcBef>
              <a:buClr>
                <a:srgbClr val="1F497D"/>
              </a:buClr>
              <a:buNone/>
            </a:pPr>
            <a:endParaRPr lang="en-US" sz="1300" b="1" u="sng" dirty="0"/>
          </a:p>
          <a:p>
            <a:pPr marL="0" lvl="0" indent="0">
              <a:spcBef>
                <a:spcPts val="0"/>
              </a:spcBef>
              <a:buClr>
                <a:srgbClr val="1F497D"/>
              </a:buClr>
              <a:buNone/>
            </a:pPr>
            <a:endParaRPr lang="en-US" sz="1300" b="1" u="sng" dirty="0"/>
          </a:p>
          <a:p>
            <a:pPr marL="0" lvl="0" indent="0">
              <a:spcBef>
                <a:spcPts val="0"/>
              </a:spcBef>
              <a:buClr>
                <a:srgbClr val="1F497D"/>
              </a:buClr>
              <a:buNone/>
            </a:pPr>
            <a:endParaRPr lang="en-US" sz="1300" b="1" u="sng" dirty="0"/>
          </a:p>
          <a:p>
            <a:pPr marL="0" lvl="0" indent="0">
              <a:spcBef>
                <a:spcPts val="0"/>
              </a:spcBef>
              <a:buClr>
                <a:srgbClr val="1F497D"/>
              </a:buClr>
              <a:buNone/>
            </a:pPr>
            <a:endParaRPr lang="en-US" sz="1300" b="1" u="sng" dirty="0"/>
          </a:p>
          <a:p>
            <a:pPr marL="0" lvl="0" indent="0">
              <a:spcBef>
                <a:spcPts val="0"/>
              </a:spcBef>
              <a:buClr>
                <a:srgbClr val="1F497D"/>
              </a:buClr>
              <a:buNone/>
            </a:pPr>
            <a:endParaRPr lang="en-US" sz="1300" b="1" u="sng" dirty="0"/>
          </a:p>
          <a:p>
            <a:pPr marL="0" lvl="0" indent="0">
              <a:spcBef>
                <a:spcPts val="0"/>
              </a:spcBef>
              <a:buClr>
                <a:srgbClr val="1F497D"/>
              </a:buClr>
              <a:buNone/>
            </a:pPr>
            <a:endParaRPr lang="en-US" sz="1300" b="1" u="sng" dirty="0"/>
          </a:p>
          <a:p>
            <a:pPr marL="0" lvl="0" indent="0">
              <a:spcBef>
                <a:spcPts val="0"/>
              </a:spcBef>
              <a:buClr>
                <a:srgbClr val="1F497D"/>
              </a:buClr>
              <a:buNone/>
            </a:pPr>
            <a:endParaRPr lang="en-US" sz="1300" b="1" u="sng" dirty="0"/>
          </a:p>
          <a:p>
            <a:pPr marL="0" lvl="0" indent="0">
              <a:spcBef>
                <a:spcPts val="0"/>
              </a:spcBef>
              <a:buClr>
                <a:srgbClr val="1F497D"/>
              </a:buClr>
              <a:buNone/>
            </a:pPr>
            <a:r>
              <a:rPr lang="en-US" sz="1300" b="1" u="sng" dirty="0"/>
              <a:t>Nephrology</a:t>
            </a:r>
          </a:p>
          <a:p>
            <a:pPr marL="127000" lvl="0" indent="-127000">
              <a:spcBef>
                <a:spcPts val="0"/>
              </a:spcBef>
              <a:buClr>
                <a:srgbClr val="1F497D"/>
              </a:buClr>
            </a:pPr>
            <a:r>
              <a:rPr lang="en-US" sz="1300" dirty="0"/>
              <a:t>Ian J. Stewart, MD, David Grant Medical Center</a:t>
            </a:r>
            <a:endParaRPr lang="en-US" sz="1300" u="sng" dirty="0"/>
          </a:p>
          <a:p>
            <a:pPr marL="0" lvl="0" indent="0">
              <a:spcBef>
                <a:spcPts val="0"/>
              </a:spcBef>
              <a:buClr>
                <a:srgbClr val="1F497D"/>
              </a:buClr>
              <a:buNone/>
            </a:pPr>
            <a:endParaRPr lang="en-US" sz="1300" b="1" u="sng" dirty="0">
              <a:solidFill>
                <a:prstClr val="black"/>
              </a:solidFill>
            </a:endParaRPr>
          </a:p>
          <a:p>
            <a:pPr marL="0" lvl="0" indent="0">
              <a:spcBef>
                <a:spcPts val="0"/>
              </a:spcBef>
              <a:buClr>
                <a:srgbClr val="1F497D"/>
              </a:buClr>
              <a:buNone/>
            </a:pPr>
            <a:r>
              <a:rPr lang="en-US" sz="1300" b="1" u="sng" dirty="0">
                <a:solidFill>
                  <a:prstClr val="black"/>
                </a:solidFill>
              </a:rPr>
              <a:t>Cardiology</a:t>
            </a:r>
          </a:p>
          <a:p>
            <a:pPr marL="127000" lvl="0" indent="-127000">
              <a:spcBef>
                <a:spcPts val="0"/>
              </a:spcBef>
              <a:buClr>
                <a:srgbClr val="1F497D"/>
              </a:buClr>
            </a:pPr>
            <a:r>
              <a:rPr lang="en-US" sz="1300" dirty="0">
                <a:solidFill>
                  <a:prstClr val="black"/>
                </a:solidFill>
              </a:rPr>
              <a:t>David Schopfer, MD</a:t>
            </a:r>
          </a:p>
          <a:p>
            <a:pPr marL="0" lvl="0" indent="0">
              <a:spcBef>
                <a:spcPts val="0"/>
              </a:spcBef>
              <a:buClr>
                <a:srgbClr val="1F497D"/>
              </a:buClr>
              <a:buNone/>
            </a:pPr>
            <a:endParaRPr lang="en-US" sz="1300" b="1" u="sng" dirty="0"/>
          </a:p>
          <a:p>
            <a:pPr marL="0" lvl="0" indent="0">
              <a:spcBef>
                <a:spcPts val="0"/>
              </a:spcBef>
              <a:buClr>
                <a:srgbClr val="1F497D"/>
              </a:buClr>
              <a:buNone/>
            </a:pPr>
            <a:r>
              <a:rPr lang="en-US" sz="1300" b="1" u="sng" dirty="0">
                <a:solidFill>
                  <a:prstClr val="black"/>
                </a:solidFill>
              </a:rPr>
              <a:t>Pain Medicine</a:t>
            </a:r>
          </a:p>
          <a:p>
            <a:pPr marL="127000" lvl="0" indent="-127000">
              <a:spcBef>
                <a:spcPts val="0"/>
              </a:spcBef>
              <a:buClr>
                <a:srgbClr val="1F497D"/>
              </a:buClr>
            </a:pPr>
            <a:r>
              <a:rPr lang="en-US" sz="1300" dirty="0">
                <a:solidFill>
                  <a:prstClr val="black"/>
                </a:solidFill>
              </a:rPr>
              <a:t>Sean Mackey, MD, Stanford</a:t>
            </a:r>
          </a:p>
          <a:p>
            <a:pPr marL="0" lvl="0" indent="0">
              <a:spcBef>
                <a:spcPts val="0"/>
              </a:spcBef>
              <a:buClr>
                <a:srgbClr val="1F497D"/>
              </a:buClr>
              <a:buNone/>
            </a:pPr>
            <a:endParaRPr lang="en-US" sz="1300" b="1" u="sng" dirty="0">
              <a:solidFill>
                <a:prstClr val="black"/>
              </a:solidFill>
            </a:endParaRPr>
          </a:p>
          <a:p>
            <a:pPr marL="0" lvl="0" indent="0">
              <a:spcBef>
                <a:spcPts val="0"/>
              </a:spcBef>
              <a:buClr>
                <a:srgbClr val="1F497D"/>
              </a:buClr>
              <a:buNone/>
            </a:pPr>
            <a:r>
              <a:rPr lang="en-US" sz="1300" b="1" u="sng" dirty="0">
                <a:solidFill>
                  <a:prstClr val="black"/>
                </a:solidFill>
              </a:rPr>
              <a:t>Addiction Medicine</a:t>
            </a:r>
          </a:p>
          <a:p>
            <a:pPr marL="127000" lvl="0" indent="-127000">
              <a:spcBef>
                <a:spcPts val="0"/>
              </a:spcBef>
              <a:buClr>
                <a:srgbClr val="1F497D"/>
              </a:buClr>
            </a:pPr>
            <a:r>
              <a:rPr lang="en-US" sz="1300" dirty="0">
                <a:solidFill>
                  <a:prstClr val="black"/>
                </a:solidFill>
              </a:rPr>
              <a:t>Anika Alvanzo, MD, MS, Hopkins</a:t>
            </a:r>
          </a:p>
          <a:p>
            <a:pPr marL="0" lvl="0" indent="0">
              <a:spcBef>
                <a:spcPts val="0"/>
              </a:spcBef>
              <a:buClr>
                <a:srgbClr val="1F497D"/>
              </a:buClr>
              <a:buNone/>
            </a:pPr>
            <a:endParaRPr lang="en-US" sz="1300" b="1" u="sng" dirty="0"/>
          </a:p>
          <a:p>
            <a:pPr marL="0" lvl="0" indent="0">
              <a:spcBef>
                <a:spcPts val="0"/>
              </a:spcBef>
              <a:buClr>
                <a:srgbClr val="1F497D"/>
              </a:buClr>
              <a:buNone/>
            </a:pPr>
            <a:r>
              <a:rPr lang="en-US" sz="1300" b="1" u="sng" dirty="0">
                <a:solidFill>
                  <a:prstClr val="black"/>
                </a:solidFill>
              </a:rPr>
              <a:t>Geriatrics</a:t>
            </a:r>
          </a:p>
          <a:p>
            <a:pPr marL="127000" lvl="0" indent="-127000">
              <a:spcBef>
                <a:spcPts val="0"/>
              </a:spcBef>
              <a:buClr>
                <a:srgbClr val="1F497D"/>
              </a:buClr>
            </a:pPr>
            <a:r>
              <a:rPr lang="en-US" sz="1300" dirty="0">
                <a:solidFill>
                  <a:prstClr val="black"/>
                </a:solidFill>
              </a:rPr>
              <a:t>Malaz A Boustani, MD, Indiana</a:t>
            </a:r>
          </a:p>
          <a:p>
            <a:pPr marL="127000" lvl="0" indent="-127000">
              <a:spcBef>
                <a:spcPts val="0"/>
              </a:spcBef>
              <a:buClr>
                <a:srgbClr val="1F497D"/>
              </a:buClr>
            </a:pPr>
            <a:r>
              <a:rPr lang="en-US" sz="1300" dirty="0">
                <a:solidFill>
                  <a:prstClr val="black"/>
                </a:solidFill>
              </a:rPr>
              <a:t>Cynthia Boyd, MD, Johns Hopkins</a:t>
            </a:r>
          </a:p>
          <a:p>
            <a:pPr marL="127000" lvl="0" indent="-127000">
              <a:spcBef>
                <a:spcPts val="0"/>
              </a:spcBef>
              <a:buClr>
                <a:srgbClr val="1F497D"/>
              </a:buClr>
            </a:pPr>
            <a:r>
              <a:rPr lang="en-US" sz="1300" dirty="0">
                <a:solidFill>
                  <a:prstClr val="black"/>
                </a:solidFill>
              </a:rPr>
              <a:t>Aanand Naik, MD, Baylor</a:t>
            </a:r>
          </a:p>
          <a:p>
            <a:pPr marL="0" lvl="0" indent="0">
              <a:spcBef>
                <a:spcPts val="0"/>
              </a:spcBef>
              <a:buClr>
                <a:srgbClr val="1F497D"/>
              </a:buClr>
              <a:buNone/>
            </a:pPr>
            <a:endParaRPr lang="en-US" sz="1300" b="1" u="sng" dirty="0"/>
          </a:p>
          <a:p>
            <a:pPr marL="0" lvl="0" indent="0">
              <a:spcBef>
                <a:spcPts val="0"/>
              </a:spcBef>
              <a:buClr>
                <a:srgbClr val="1F497D"/>
              </a:buClr>
              <a:buNone/>
            </a:pPr>
            <a:r>
              <a:rPr lang="en-US" sz="1300" b="1" u="sng" dirty="0">
                <a:solidFill>
                  <a:prstClr val="black"/>
                </a:solidFill>
              </a:rPr>
              <a:t>Psychology</a:t>
            </a:r>
          </a:p>
          <a:p>
            <a:pPr marL="127000" lvl="0" indent="-127000">
              <a:spcBef>
                <a:spcPts val="0"/>
              </a:spcBef>
              <a:buClr>
                <a:srgbClr val="1F497D"/>
              </a:buClr>
            </a:pPr>
            <a:r>
              <a:rPr lang="en-US" sz="1300" dirty="0">
                <a:solidFill>
                  <a:prstClr val="black"/>
                </a:solidFill>
              </a:rPr>
              <a:t>David Thomas, PhD, NIH</a:t>
            </a:r>
          </a:p>
          <a:p>
            <a:pPr marL="0" lvl="0" indent="0">
              <a:spcBef>
                <a:spcPts val="0"/>
              </a:spcBef>
              <a:buClr>
                <a:srgbClr val="1F497D"/>
              </a:buClr>
              <a:buNone/>
            </a:pPr>
            <a:endParaRPr lang="en-US" sz="1300" b="1" u="sng" dirty="0"/>
          </a:p>
          <a:p>
            <a:pPr marL="0" lvl="0" indent="0">
              <a:spcBef>
                <a:spcPts val="0"/>
              </a:spcBef>
              <a:buClr>
                <a:srgbClr val="1F497D"/>
              </a:buClr>
              <a:buNone/>
            </a:pPr>
            <a:r>
              <a:rPr lang="en-US" sz="1300" b="1" u="sng" dirty="0">
                <a:solidFill>
                  <a:prstClr val="black"/>
                </a:solidFill>
              </a:rPr>
              <a:t>Nursing</a:t>
            </a:r>
          </a:p>
          <a:p>
            <a:pPr marL="63500" lvl="0" indent="-63500">
              <a:spcBef>
                <a:spcPts val="0"/>
              </a:spcBef>
              <a:buClr>
                <a:srgbClr val="1F497D"/>
              </a:buClr>
            </a:pPr>
            <a:r>
              <a:rPr lang="en-US" sz="1300" dirty="0">
                <a:solidFill>
                  <a:prstClr val="black"/>
                </a:solidFill>
              </a:rPr>
              <a:t>Laura Kierol Andrews, PhD, APRN, ACNP-BC, Yale</a:t>
            </a:r>
          </a:p>
          <a:p>
            <a:pPr marL="63500" lvl="0" indent="-63500">
              <a:spcBef>
                <a:spcPts val="0"/>
              </a:spcBef>
              <a:buClr>
                <a:srgbClr val="1F497D"/>
              </a:buClr>
            </a:pPr>
            <a:r>
              <a:rPr lang="en-US" sz="1300" dirty="0">
                <a:solidFill>
                  <a:prstClr val="black"/>
                </a:solidFill>
              </a:rPr>
              <a:t>Sarah DeSilvey, APRN-C, Yale</a:t>
            </a:r>
          </a:p>
          <a:p>
            <a:pPr marL="63500" lvl="0" indent="-63500">
              <a:spcBef>
                <a:spcPts val="0"/>
              </a:spcBef>
              <a:buClr>
                <a:srgbClr val="1F497D"/>
              </a:buClr>
            </a:pPr>
            <a:r>
              <a:rPr lang="en-US" sz="1300" dirty="0">
                <a:solidFill>
                  <a:prstClr val="black"/>
                </a:solidFill>
              </a:rPr>
              <a:t>Felicidad Green, BSN, RNC, Walter Reed</a:t>
            </a:r>
          </a:p>
          <a:p>
            <a:pPr marL="0" lvl="0" indent="0">
              <a:spcBef>
                <a:spcPts val="0"/>
              </a:spcBef>
              <a:buClr>
                <a:srgbClr val="1F497D"/>
              </a:buClr>
              <a:buNone/>
            </a:pPr>
            <a:endParaRPr lang="en-US" sz="1300" b="1" u="sng" dirty="0">
              <a:solidFill>
                <a:prstClr val="black"/>
              </a:solidFill>
            </a:endParaRPr>
          </a:p>
          <a:p>
            <a:pPr marL="0" lvl="0" indent="0">
              <a:spcBef>
                <a:spcPts val="0"/>
              </a:spcBef>
              <a:buClr>
                <a:srgbClr val="1F497D"/>
              </a:buClr>
              <a:buNone/>
            </a:pPr>
            <a:endParaRPr lang="en-US" sz="1300" b="1" u="sng" dirty="0">
              <a:solidFill>
                <a:prstClr val="black"/>
              </a:solidFill>
            </a:endParaRPr>
          </a:p>
          <a:p>
            <a:pPr marL="0" lvl="0" indent="0">
              <a:spcBef>
                <a:spcPts val="0"/>
              </a:spcBef>
              <a:buClr>
                <a:srgbClr val="1F497D"/>
              </a:buClr>
              <a:buNone/>
            </a:pPr>
            <a:endParaRPr lang="en-US" sz="1300" b="1" u="sng" dirty="0">
              <a:solidFill>
                <a:prstClr val="black"/>
              </a:solidFill>
            </a:endParaRPr>
          </a:p>
          <a:p>
            <a:pPr marL="0" lvl="0" indent="0">
              <a:spcBef>
                <a:spcPts val="0"/>
              </a:spcBef>
              <a:buClr>
                <a:srgbClr val="1F497D"/>
              </a:buClr>
              <a:buNone/>
            </a:pPr>
            <a:endParaRPr lang="en-US" sz="1300" b="1" u="sng" dirty="0">
              <a:solidFill>
                <a:prstClr val="black"/>
              </a:solidFill>
            </a:endParaRPr>
          </a:p>
          <a:p>
            <a:pPr marL="0" lvl="0" indent="0">
              <a:spcBef>
                <a:spcPts val="0"/>
              </a:spcBef>
              <a:buClr>
                <a:srgbClr val="1F497D"/>
              </a:buClr>
              <a:buNone/>
            </a:pPr>
            <a:endParaRPr lang="en-US" sz="1300" b="1" u="sng" dirty="0">
              <a:solidFill>
                <a:prstClr val="black"/>
              </a:solidFill>
            </a:endParaRPr>
          </a:p>
          <a:p>
            <a:pPr marL="0" lvl="0" indent="0">
              <a:spcBef>
                <a:spcPts val="0"/>
              </a:spcBef>
              <a:buClr>
                <a:srgbClr val="1F497D"/>
              </a:buClr>
              <a:buNone/>
            </a:pPr>
            <a:r>
              <a:rPr lang="en-US" sz="1300" b="1" u="sng" dirty="0">
                <a:solidFill>
                  <a:prstClr val="black"/>
                </a:solidFill>
              </a:rPr>
              <a:t>Social Work</a:t>
            </a:r>
          </a:p>
          <a:p>
            <a:pPr marL="127000" lvl="0" indent="-127000">
              <a:spcBef>
                <a:spcPts val="0"/>
              </a:spcBef>
              <a:buClr>
                <a:srgbClr val="1F497D"/>
              </a:buClr>
            </a:pPr>
            <a:r>
              <a:rPr lang="en-US" sz="1300" dirty="0">
                <a:solidFill>
                  <a:prstClr val="black"/>
                </a:solidFill>
              </a:rPr>
              <a:t>Karol Tapias, MSW, N4A</a:t>
            </a:r>
          </a:p>
          <a:p>
            <a:pPr marL="127000" lvl="0" indent="-127000">
              <a:spcBef>
                <a:spcPts val="0"/>
              </a:spcBef>
              <a:buClr>
                <a:srgbClr val="1F497D"/>
              </a:buClr>
            </a:pPr>
            <a:r>
              <a:rPr lang="en-US" sz="1300" dirty="0">
                <a:solidFill>
                  <a:prstClr val="black"/>
                </a:solidFill>
              </a:rPr>
              <a:t>Tiffany Washington, PhD, MSW, University of Georgia</a:t>
            </a:r>
          </a:p>
          <a:p>
            <a:pPr marL="127000" lvl="0" indent="-127000">
              <a:spcBef>
                <a:spcPts val="0"/>
              </a:spcBef>
              <a:buClr>
                <a:srgbClr val="1F497D"/>
              </a:buClr>
            </a:pPr>
            <a:r>
              <a:rPr lang="en-US" sz="1300" dirty="0">
                <a:solidFill>
                  <a:prstClr val="black"/>
                </a:solidFill>
              </a:rPr>
              <a:t>Nancy Kusmaul, PhD, LMSW, University of Maryland</a:t>
            </a:r>
          </a:p>
          <a:p>
            <a:pPr marL="127000" lvl="0" indent="-127000">
              <a:spcBef>
                <a:spcPts val="0"/>
              </a:spcBef>
              <a:buClr>
                <a:srgbClr val="1F497D"/>
              </a:buClr>
            </a:pPr>
            <a:r>
              <a:rPr lang="en-US" sz="1300" dirty="0">
                <a:solidFill>
                  <a:prstClr val="black"/>
                </a:solidFill>
              </a:rPr>
              <a:t>Nicole Ruggiano, PhD, University of Alabama</a:t>
            </a:r>
          </a:p>
          <a:p>
            <a:pPr marL="0" lvl="0" indent="0">
              <a:spcBef>
                <a:spcPts val="0"/>
              </a:spcBef>
              <a:buClr>
                <a:srgbClr val="1F497D"/>
              </a:buClr>
              <a:buNone/>
            </a:pPr>
            <a:endParaRPr lang="en-US" sz="1300" dirty="0">
              <a:solidFill>
                <a:prstClr val="black"/>
              </a:solidFill>
            </a:endParaRPr>
          </a:p>
          <a:p>
            <a:pPr marL="0" lvl="0" indent="0">
              <a:spcBef>
                <a:spcPts val="0"/>
              </a:spcBef>
              <a:buClr>
                <a:srgbClr val="1F497D"/>
              </a:buClr>
              <a:buNone/>
            </a:pPr>
            <a:r>
              <a:rPr lang="en-US" sz="1300" b="1" u="sng" dirty="0">
                <a:solidFill>
                  <a:prstClr val="black"/>
                </a:solidFill>
              </a:rPr>
              <a:t>Pharmacy</a:t>
            </a:r>
          </a:p>
          <a:p>
            <a:pPr marL="127000" lvl="0" indent="-127000">
              <a:spcBef>
                <a:spcPts val="0"/>
              </a:spcBef>
              <a:buClr>
                <a:srgbClr val="1F497D"/>
              </a:buClr>
            </a:pPr>
            <a:r>
              <a:rPr lang="en-US" sz="1300" dirty="0">
                <a:solidFill>
                  <a:prstClr val="black"/>
                </a:solidFill>
              </a:rPr>
              <a:t>Chanel Whittaker, PharmD, University of Maryland</a:t>
            </a:r>
          </a:p>
          <a:p>
            <a:pPr marL="127000" lvl="0" indent="-127000">
              <a:spcBef>
                <a:spcPts val="0"/>
              </a:spcBef>
              <a:buClr>
                <a:srgbClr val="1F497D"/>
              </a:buClr>
            </a:pPr>
            <a:r>
              <a:rPr lang="en-US" sz="1300" dirty="0">
                <a:solidFill>
                  <a:prstClr val="black"/>
                </a:solidFill>
              </a:rPr>
              <a:t>Mary Lynn McPherson, PharmD, MA, BCPS, CPE, University of Maryland</a:t>
            </a:r>
          </a:p>
          <a:p>
            <a:pPr marL="127000" lvl="0" indent="-127000">
              <a:spcBef>
                <a:spcPts val="0"/>
              </a:spcBef>
              <a:buClr>
                <a:srgbClr val="1F497D"/>
              </a:buClr>
            </a:pPr>
            <a:r>
              <a:rPr lang="en-US" sz="1300" dirty="0">
                <a:solidFill>
                  <a:prstClr val="black"/>
                </a:solidFill>
              </a:rPr>
              <a:t>Shelly Spiro, PharmD, Pharmacy Health IT Collaborative</a:t>
            </a:r>
          </a:p>
          <a:p>
            <a:pPr marL="0" lvl="0" indent="0">
              <a:spcBef>
                <a:spcPts val="0"/>
              </a:spcBef>
              <a:buClr>
                <a:srgbClr val="1F497D"/>
              </a:buClr>
              <a:buNone/>
            </a:pPr>
            <a:endParaRPr lang="en-US" sz="1300" b="1" u="sng" dirty="0"/>
          </a:p>
          <a:p>
            <a:pPr marL="0" lvl="0" indent="0">
              <a:spcBef>
                <a:spcPts val="0"/>
              </a:spcBef>
              <a:buClr>
                <a:srgbClr val="1F497D"/>
              </a:buClr>
              <a:buNone/>
            </a:pPr>
            <a:r>
              <a:rPr lang="en-US" sz="1300" b="1" u="sng" dirty="0">
                <a:solidFill>
                  <a:prstClr val="black"/>
                </a:solidFill>
              </a:rPr>
              <a:t>Public Health/Health Policy</a:t>
            </a:r>
          </a:p>
          <a:p>
            <a:pPr marL="127000" lvl="0" indent="-127000">
              <a:spcBef>
                <a:spcPts val="0"/>
              </a:spcBef>
              <a:buClr>
                <a:srgbClr val="1F497D"/>
              </a:buClr>
            </a:pPr>
            <a:r>
              <a:rPr lang="en-US" sz="1300" dirty="0">
                <a:solidFill>
                  <a:prstClr val="black"/>
                </a:solidFill>
              </a:rPr>
              <a:t>Maureen Henry, PhD, JD, CVP</a:t>
            </a:r>
          </a:p>
          <a:p>
            <a:pPr marL="127000" lvl="0" indent="-127000">
              <a:spcBef>
                <a:spcPts val="0"/>
              </a:spcBef>
              <a:buClr>
                <a:srgbClr val="1F497D"/>
              </a:buClr>
            </a:pPr>
            <a:r>
              <a:rPr lang="en-US" sz="1300" dirty="0">
                <a:solidFill>
                  <a:prstClr val="black"/>
                </a:solidFill>
              </a:rPr>
              <a:t>John D Piette, PhD, Michigan</a:t>
            </a:r>
          </a:p>
          <a:p>
            <a:pPr marL="127000" lvl="0" indent="-127000">
              <a:spcBef>
                <a:spcPts val="0"/>
              </a:spcBef>
              <a:buClr>
                <a:srgbClr val="1F497D"/>
              </a:buClr>
            </a:pPr>
            <a:r>
              <a:rPr lang="en-US" sz="1300" dirty="0">
                <a:solidFill>
                  <a:prstClr val="black"/>
                </a:solidFill>
              </a:rPr>
              <a:t>Jennifer Wolf, PhD, Johns Hopkins</a:t>
            </a:r>
          </a:p>
          <a:p>
            <a:pPr marL="127000" lvl="0" indent="-127000">
              <a:spcBef>
                <a:spcPts val="0"/>
              </a:spcBef>
              <a:buClr>
                <a:srgbClr val="1F497D"/>
              </a:buClr>
            </a:pPr>
            <a:r>
              <a:rPr lang="en-US" sz="1300" dirty="0">
                <a:solidFill>
                  <a:prstClr val="black"/>
                </a:solidFill>
              </a:rPr>
              <a:t>Evelyn Gallego, MBA, MPH, CPHIMS, EMI Advisors</a:t>
            </a:r>
          </a:p>
          <a:p>
            <a:pPr marL="0" lvl="0" indent="0">
              <a:spcBef>
                <a:spcPts val="0"/>
              </a:spcBef>
              <a:buClr>
                <a:srgbClr val="1F497D"/>
              </a:buClr>
              <a:buNone/>
            </a:pPr>
            <a:endParaRPr lang="en-US" sz="1300" b="1" u="sng" dirty="0"/>
          </a:p>
          <a:p>
            <a:pPr marL="0" lvl="0" indent="0">
              <a:spcBef>
                <a:spcPts val="0"/>
              </a:spcBef>
              <a:buClr>
                <a:srgbClr val="1F497D"/>
              </a:buClr>
              <a:buNone/>
            </a:pPr>
            <a:endParaRPr lang="en-US" sz="1300" b="1" u="sng" dirty="0"/>
          </a:p>
          <a:p>
            <a:pPr marL="0" lvl="0" indent="0">
              <a:spcBef>
                <a:spcPts val="0"/>
              </a:spcBef>
              <a:buClr>
                <a:srgbClr val="1F497D"/>
              </a:buClr>
              <a:buNone/>
            </a:pPr>
            <a:r>
              <a:rPr lang="en-US" sz="1300" b="1" u="sng" dirty="0"/>
              <a:t>Clinical/Health Informatics</a:t>
            </a:r>
          </a:p>
          <a:p>
            <a:pPr marL="127000" lvl="0" indent="-127000">
              <a:spcBef>
                <a:spcPts val="0"/>
              </a:spcBef>
              <a:buClr>
                <a:srgbClr val="1F497D"/>
              </a:buClr>
            </a:pPr>
            <a:r>
              <a:rPr lang="en-US" sz="1300" dirty="0"/>
              <a:t>Stan Huff, MD, Intermountain</a:t>
            </a:r>
          </a:p>
          <a:p>
            <a:pPr marL="127000" lvl="0" indent="-127000">
              <a:spcBef>
                <a:spcPts val="0"/>
              </a:spcBef>
              <a:buClr>
                <a:srgbClr val="1F497D"/>
              </a:buClr>
            </a:pPr>
            <a:r>
              <a:rPr lang="en-US" sz="1300" dirty="0"/>
              <a:t>Douglas B. Fridsma, MD, PhD, FACP, FACMI, AMIA</a:t>
            </a:r>
          </a:p>
          <a:p>
            <a:pPr marL="127000" lvl="0" indent="-127000">
              <a:spcBef>
                <a:spcPts val="0"/>
              </a:spcBef>
              <a:buClr>
                <a:srgbClr val="1F497D"/>
              </a:buClr>
            </a:pPr>
            <a:r>
              <a:rPr lang="en-US" sz="1300" dirty="0"/>
              <a:t>Patricia C. Dykes, DNSc, RN, FACMI, Harvard University</a:t>
            </a:r>
          </a:p>
          <a:p>
            <a:pPr marL="127000" lvl="0" indent="-127000">
              <a:spcBef>
                <a:spcPts val="0"/>
              </a:spcBef>
              <a:buClr>
                <a:srgbClr val="1F497D"/>
              </a:buClr>
            </a:pPr>
            <a:r>
              <a:rPr lang="en-US" sz="1300" dirty="0"/>
              <a:t>Kenrick Cato, PhD, Columbia</a:t>
            </a:r>
          </a:p>
          <a:p>
            <a:pPr marL="127000" lvl="0" indent="-127000">
              <a:spcBef>
                <a:spcPts val="0"/>
              </a:spcBef>
              <a:buClr>
                <a:srgbClr val="1F497D"/>
              </a:buClr>
            </a:pPr>
            <a:r>
              <a:rPr lang="en-US" sz="1300" dirty="0"/>
              <a:t>Laura Heermann Langford, PhD, Intermountain</a:t>
            </a:r>
          </a:p>
          <a:p>
            <a:pPr marL="127000" lvl="0" indent="-127000">
              <a:spcBef>
                <a:spcPts val="0"/>
              </a:spcBef>
              <a:buClr>
                <a:srgbClr val="1F497D"/>
              </a:buClr>
            </a:pPr>
            <a:r>
              <a:rPr lang="en-US" sz="1300" dirty="0"/>
              <a:t>George (Holt) Oliver, MD, Parkland</a:t>
            </a:r>
          </a:p>
          <a:p>
            <a:pPr marL="127000" lvl="0" indent="-127000">
              <a:spcBef>
                <a:spcPts val="0"/>
              </a:spcBef>
              <a:buClr>
                <a:srgbClr val="1F497D"/>
              </a:buClr>
            </a:pPr>
            <a:r>
              <a:rPr lang="en-US" sz="1300" dirty="0"/>
              <a:t>Lindsey Hoggle, MS, Iris Health</a:t>
            </a:r>
          </a:p>
          <a:p>
            <a:pPr marL="127000" lvl="0" indent="-127000">
              <a:spcBef>
                <a:spcPts val="0"/>
              </a:spcBef>
              <a:buClr>
                <a:srgbClr val="1F497D"/>
              </a:buClr>
            </a:pPr>
            <a:r>
              <a:rPr lang="en-US" sz="1300" dirty="0"/>
              <a:t>Blackford Middleton, MD, MPH, MSc, Harvard University</a:t>
            </a:r>
          </a:p>
          <a:p>
            <a:pPr marL="127000" lvl="0" indent="-127000">
              <a:spcBef>
                <a:spcPts val="0"/>
              </a:spcBef>
              <a:buClr>
                <a:srgbClr val="1F497D"/>
              </a:buClr>
            </a:pPr>
            <a:r>
              <a:rPr lang="en-US" sz="1300" dirty="0"/>
              <a:t>Daniel J. Vreeman, PT, DPT, MS, FACMI, RTI International</a:t>
            </a:r>
          </a:p>
          <a:p>
            <a:pPr marL="127000" lvl="0" indent="-127000">
              <a:spcBef>
                <a:spcPts val="0"/>
              </a:spcBef>
              <a:buClr>
                <a:srgbClr val="1F497D"/>
              </a:buClr>
            </a:pPr>
            <a:r>
              <a:rPr lang="en-US" sz="1300" dirty="0"/>
              <a:t>Julia Skapik, MD, NACHC</a:t>
            </a:r>
            <a:endParaRPr lang="en-US" sz="1300" b="1" u="sng" dirty="0"/>
          </a:p>
          <a:p>
            <a:pPr marL="127000" lvl="0" indent="-127000">
              <a:spcBef>
                <a:spcPts val="0"/>
              </a:spcBef>
              <a:buClr>
                <a:srgbClr val="1F497D"/>
              </a:buClr>
            </a:pPr>
            <a:r>
              <a:rPr lang="en-US" sz="1300" dirty="0"/>
              <a:t>CAPT Veronica Gordon, DoD-VA Interagency Program Office</a:t>
            </a:r>
          </a:p>
          <a:p>
            <a:pPr marL="127000" lvl="0" indent="-127000">
              <a:spcBef>
                <a:spcPts val="0"/>
              </a:spcBef>
              <a:buClr>
                <a:srgbClr val="1F497D"/>
              </a:buClr>
            </a:pPr>
            <a:r>
              <a:rPr lang="en-US" sz="1300" dirty="0"/>
              <a:t>Christopher Harle, PhD, Indiana</a:t>
            </a:r>
          </a:p>
          <a:p>
            <a:pPr marL="0" lvl="0" indent="0">
              <a:spcBef>
                <a:spcPts val="0"/>
              </a:spcBef>
              <a:buClr>
                <a:srgbClr val="1F497D"/>
              </a:buClr>
              <a:buNone/>
            </a:pPr>
            <a:endParaRPr lang="en-US" sz="1300" b="1" u="sng" dirty="0"/>
          </a:p>
          <a:p>
            <a:pPr marL="0" lvl="0" indent="0">
              <a:spcBef>
                <a:spcPts val="0"/>
              </a:spcBef>
              <a:buClr>
                <a:srgbClr val="1F497D"/>
              </a:buClr>
              <a:buNone/>
            </a:pPr>
            <a:r>
              <a:rPr lang="en-US" sz="1300" b="1" u="sng" dirty="0"/>
              <a:t>Developers/Vendors</a:t>
            </a:r>
          </a:p>
          <a:p>
            <a:pPr marL="127000" lvl="0" indent="-127000">
              <a:spcBef>
                <a:spcPts val="0"/>
              </a:spcBef>
              <a:buClr>
                <a:srgbClr val="1F497D"/>
              </a:buClr>
            </a:pPr>
            <a:r>
              <a:rPr lang="en-US" sz="1300" dirty="0"/>
              <a:t>Dave Carlson, MBA, PhD, Clinical Cloud Solutions</a:t>
            </a:r>
          </a:p>
          <a:p>
            <a:pPr marL="127000" lvl="0" indent="-127000">
              <a:spcBef>
                <a:spcPts val="0"/>
              </a:spcBef>
              <a:buClr>
                <a:srgbClr val="1F497D"/>
              </a:buClr>
            </a:pPr>
            <a:r>
              <a:rPr lang="en-US" sz="1300" dirty="0"/>
              <a:t>Marc Overhage, MD, PHD, Cerner </a:t>
            </a:r>
          </a:p>
          <a:p>
            <a:pPr marL="0" indent="0">
              <a:spcBef>
                <a:spcPts val="0"/>
              </a:spcBef>
              <a:buNone/>
            </a:pPr>
            <a:endParaRPr lang="en-US" sz="1400" dirty="0"/>
          </a:p>
          <a:p>
            <a:pPr marL="0" indent="0">
              <a:spcBef>
                <a:spcPts val="0"/>
              </a:spcBef>
              <a:buNone/>
            </a:pPr>
            <a:endParaRPr lang="en-US" sz="1200" dirty="0"/>
          </a:p>
        </p:txBody>
      </p:sp>
    </p:spTree>
    <p:extLst>
      <p:ext uri="{BB962C8B-B14F-4D97-AF65-F5344CB8AC3E}">
        <p14:creationId xmlns:p14="http://schemas.microsoft.com/office/powerpoint/2010/main" val="420377963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367D95-5E8C-B64D-8FE0-16859D286D5E}"/>
              </a:ext>
            </a:extLst>
          </p:cNvPr>
          <p:cNvSpPr>
            <a:spLocks noGrp="1"/>
          </p:cNvSpPr>
          <p:nvPr>
            <p:ph type="title"/>
          </p:nvPr>
        </p:nvSpPr>
        <p:spPr/>
        <p:txBody>
          <a:bodyPr/>
          <a:lstStyle/>
          <a:p>
            <a:r>
              <a:rPr lang="en-US" dirty="0"/>
              <a:t>Federal Team</a:t>
            </a:r>
          </a:p>
        </p:txBody>
      </p:sp>
      <p:graphicFrame>
        <p:nvGraphicFramePr>
          <p:cNvPr id="4" name="Content Placeholder 3">
            <a:extLst>
              <a:ext uri="{FF2B5EF4-FFF2-40B4-BE49-F238E27FC236}">
                <a16:creationId xmlns:a16="http://schemas.microsoft.com/office/drawing/2014/main" id="{E4A5B1E5-11B2-3748-BDBD-2D654A7D8BA4}"/>
              </a:ext>
            </a:extLst>
          </p:cNvPr>
          <p:cNvGraphicFramePr>
            <a:graphicFrameLocks noGrp="1"/>
          </p:cNvGraphicFramePr>
          <p:nvPr>
            <p:ph idx="1"/>
          </p:nvPr>
        </p:nvGraphicFramePr>
        <p:xfrm>
          <a:off x="173419" y="1645920"/>
          <a:ext cx="11619187" cy="3566160"/>
        </p:xfrm>
        <a:graphic>
          <a:graphicData uri="http://schemas.openxmlformats.org/drawingml/2006/table">
            <a:tbl>
              <a:tblPr firstRow="1" firstCol="1" bandRow="1">
                <a:tableStyleId>{B301B821-A1FF-4177-AEE7-76D212191A09}</a:tableStyleId>
              </a:tblPr>
              <a:tblGrid>
                <a:gridCol w="6337739">
                  <a:extLst>
                    <a:ext uri="{9D8B030D-6E8A-4147-A177-3AD203B41FA5}">
                      <a16:colId xmlns:a16="http://schemas.microsoft.com/office/drawing/2014/main" val="2244735610"/>
                    </a:ext>
                  </a:extLst>
                </a:gridCol>
                <a:gridCol w="5281448">
                  <a:extLst>
                    <a:ext uri="{9D8B030D-6E8A-4147-A177-3AD203B41FA5}">
                      <a16:colId xmlns:a16="http://schemas.microsoft.com/office/drawing/2014/main" val="2146368337"/>
                    </a:ext>
                  </a:extLst>
                </a:gridCol>
              </a:tblGrid>
              <a:tr h="215900">
                <a:tc>
                  <a:txBody>
                    <a:bodyPr/>
                    <a:lstStyle/>
                    <a:p>
                      <a:pPr marL="0" marR="0">
                        <a:spcBef>
                          <a:spcPts val="0"/>
                        </a:spcBef>
                        <a:spcAft>
                          <a:spcPts val="0"/>
                        </a:spcAft>
                      </a:pPr>
                      <a:r>
                        <a:rPr lang="en-US" sz="1800" dirty="0">
                          <a:effectLst/>
                        </a:rPr>
                        <a:t>Name</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800" dirty="0">
                          <a:effectLst/>
                        </a:rPr>
                        <a:t>Agency</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428425330"/>
                  </a:ext>
                </a:extLst>
              </a:tr>
              <a:tr h="203200">
                <a:tc>
                  <a:txBody>
                    <a:bodyPr/>
                    <a:lstStyle/>
                    <a:p>
                      <a:pPr marL="0" marR="0">
                        <a:spcBef>
                          <a:spcPts val="0"/>
                        </a:spcBef>
                        <a:spcAft>
                          <a:spcPts val="0"/>
                        </a:spcAft>
                      </a:pPr>
                      <a:r>
                        <a:rPr lang="en-US" sz="1800" b="0" dirty="0">
                          <a:effectLst/>
                        </a:rPr>
                        <a:t>Susan M. Jenkins, PhD</a:t>
                      </a:r>
                      <a:endParaRPr lang="en-US" sz="1800" b="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800" dirty="0">
                          <a:effectLst/>
                        </a:rPr>
                        <a:t>Agency for Community Living</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601681263"/>
                  </a:ext>
                </a:extLst>
              </a:tr>
              <a:tr h="33878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dirty="0">
                          <a:effectLst/>
                        </a:rPr>
                        <a:t>Shari Ling, MD; </a:t>
                      </a:r>
                      <a:r>
                        <a:rPr lang="en-US" sz="1800" b="0" kern="1200" dirty="0">
                          <a:solidFill>
                            <a:schemeClr val="dk1"/>
                          </a:solidFill>
                          <a:effectLst/>
                          <a:latin typeface="+mn-lt"/>
                          <a:ea typeface="+mn-ea"/>
                          <a:cs typeface="+mn-cs"/>
                        </a:rPr>
                        <a:t>Tara McMullen</a:t>
                      </a:r>
                      <a:r>
                        <a:rPr lang="en-US" sz="1800" b="0" kern="1200" dirty="0">
                          <a:solidFill>
                            <a:schemeClr val="dk1"/>
                          </a:solidFill>
                          <a:effectLst/>
                          <a:latin typeface="Calibri" panose="020F0502020204030204" pitchFamily="34" charset="0"/>
                          <a:ea typeface="+mn-ea"/>
                          <a:cs typeface="Times New Roman" panose="02020603050405020304" pitchFamily="18" charset="0"/>
                        </a:rPr>
                        <a:t>, PhD; Ellen Blackwell, MSW; Beth Conner, RN, MS &amp; Kerry </a:t>
                      </a:r>
                      <a:r>
                        <a:rPr lang="en-US" sz="1800" b="0" kern="1200" dirty="0" err="1">
                          <a:solidFill>
                            <a:schemeClr val="dk1"/>
                          </a:solidFill>
                          <a:effectLst/>
                          <a:latin typeface="Calibri" panose="020F0502020204030204" pitchFamily="34" charset="0"/>
                          <a:ea typeface="+mn-ea"/>
                          <a:cs typeface="Times New Roman" panose="02020603050405020304" pitchFamily="18" charset="0"/>
                        </a:rPr>
                        <a:t>Lida</a:t>
                      </a:r>
                      <a:r>
                        <a:rPr lang="en-US" sz="1800" b="0" kern="1200" dirty="0">
                          <a:solidFill>
                            <a:schemeClr val="dk1"/>
                          </a:solidFill>
                          <a:effectLst/>
                          <a:latin typeface="Calibri" panose="020F0502020204030204" pitchFamily="34" charset="0"/>
                          <a:ea typeface="+mn-ea"/>
                          <a:cs typeface="Times New Roman" panose="02020603050405020304" pitchFamily="18" charset="0"/>
                        </a:rPr>
                        <a:t>, PhD</a:t>
                      </a:r>
                    </a:p>
                  </a:txBody>
                  <a:tcPr marL="68580" marR="68580" marT="0" marB="0" anchor="ctr"/>
                </a:tc>
                <a:tc>
                  <a:txBody>
                    <a:bodyPr/>
                    <a:lstStyle/>
                    <a:p>
                      <a:pPr marL="0" marR="0">
                        <a:spcBef>
                          <a:spcPts val="0"/>
                        </a:spcBef>
                        <a:spcAft>
                          <a:spcPts val="0"/>
                        </a:spcAft>
                      </a:pPr>
                      <a:r>
                        <a:rPr lang="en-US" sz="1800" dirty="0">
                          <a:effectLst/>
                        </a:rPr>
                        <a:t>Centers for Medicare &amp; Medicaid Services</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510919758"/>
                  </a:ext>
                </a:extLst>
              </a:tr>
              <a:tr h="203200">
                <a:tc>
                  <a:txBody>
                    <a:bodyPr/>
                    <a:lstStyle/>
                    <a:p>
                      <a:pPr marL="0" marR="0">
                        <a:spcBef>
                          <a:spcPts val="0"/>
                        </a:spcBef>
                        <a:spcAft>
                          <a:spcPts val="0"/>
                        </a:spcAft>
                      </a:pPr>
                      <a:r>
                        <a:rPr lang="en-US" sz="1800" b="0" dirty="0">
                          <a:effectLst/>
                        </a:rPr>
                        <a:t>Judith Steinberg, MD, MPH</a:t>
                      </a:r>
                      <a:endParaRPr lang="en-US" sz="1800" b="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spcBef>
                          <a:spcPts val="0"/>
                        </a:spcBef>
                        <a:spcAft>
                          <a:spcPts val="0"/>
                        </a:spcAft>
                      </a:pPr>
                      <a:r>
                        <a:rPr lang="en-US" sz="1800" dirty="0">
                          <a:effectLst/>
                        </a:rPr>
                        <a:t>Health Services &amp; Research Administration</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extLst>
                  <a:ext uri="{0D108BD9-81ED-4DB2-BD59-A6C34878D82A}">
                    <a16:rowId xmlns:a16="http://schemas.microsoft.com/office/drawing/2014/main" val="191238719"/>
                  </a:ext>
                </a:extLst>
              </a:tr>
              <a:tr h="203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dirty="0">
                          <a:effectLst/>
                        </a:rPr>
                        <a:t>RADM Michael </a:t>
                      </a:r>
                      <a:r>
                        <a:rPr lang="en-US" sz="1800" b="0" dirty="0" err="1">
                          <a:effectLst/>
                        </a:rPr>
                        <a:t>Toedt</a:t>
                      </a:r>
                      <a:r>
                        <a:rPr lang="en-US" sz="1800" b="0" dirty="0">
                          <a:effectLst/>
                        </a:rPr>
                        <a:t>, MD &amp; Susy Postal</a:t>
                      </a:r>
                      <a:r>
                        <a:rPr lang="en-US" sz="1800" b="0" dirty="0">
                          <a:effectLst/>
                          <a:latin typeface="Calibri" panose="020F0502020204030204" pitchFamily="34" charset="0"/>
                          <a:cs typeface="Times New Roman" panose="02020603050405020304" pitchFamily="18" charset="0"/>
                        </a:rPr>
                        <a:t>, PhD</a:t>
                      </a:r>
                      <a:endParaRPr lang="en-US" sz="1800" b="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800" dirty="0">
                          <a:effectLst/>
                        </a:rPr>
                        <a:t>Indian Health Service</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910687999"/>
                  </a:ext>
                </a:extLst>
              </a:tr>
              <a:tr h="203200">
                <a:tc>
                  <a:txBody>
                    <a:bodyPr/>
                    <a:lstStyle/>
                    <a:p>
                      <a:pPr marL="0" marR="0">
                        <a:spcBef>
                          <a:spcPts val="0"/>
                        </a:spcBef>
                        <a:spcAft>
                          <a:spcPts val="0"/>
                        </a:spcAft>
                      </a:pPr>
                      <a:r>
                        <a:rPr lang="en-US" sz="1800" b="0">
                          <a:effectLst/>
                        </a:rPr>
                        <a:t>Ashley Wilder Smith, PhD MPH</a:t>
                      </a:r>
                      <a:endParaRPr lang="en-US" sz="1800" b="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800" dirty="0">
                          <a:effectLst/>
                        </a:rPr>
                        <a:t>NIH/National Cancer Institute (PROMIS)</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514215375"/>
                  </a:ext>
                </a:extLst>
              </a:tr>
              <a:tr h="203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dirty="0">
                          <a:effectLst/>
                        </a:rPr>
                        <a:t>Erin </a:t>
                      </a:r>
                      <a:r>
                        <a:rPr lang="en-US" sz="1800" b="0" dirty="0" err="1">
                          <a:effectLst/>
                        </a:rPr>
                        <a:t>Iturriaga</a:t>
                      </a:r>
                      <a:r>
                        <a:rPr lang="en-US" sz="1800" b="0" dirty="0">
                          <a:effectLst/>
                        </a:rPr>
                        <a:t>, MSN &amp; </a:t>
                      </a:r>
                      <a:r>
                        <a:rPr lang="en-US" sz="1800" b="0" kern="1200" dirty="0">
                          <a:solidFill>
                            <a:schemeClr val="dk1"/>
                          </a:solidFill>
                          <a:effectLst/>
                          <a:latin typeface="+mn-lt"/>
                          <a:ea typeface="+mn-ea"/>
                          <a:cs typeface="+mn-cs"/>
                        </a:rPr>
                        <a:t>David </a:t>
                      </a:r>
                      <a:r>
                        <a:rPr lang="en-US" sz="1800" b="0" kern="1200" dirty="0" err="1">
                          <a:solidFill>
                            <a:schemeClr val="dk1"/>
                          </a:solidFill>
                          <a:effectLst/>
                          <a:latin typeface="+mn-lt"/>
                          <a:ea typeface="+mn-ea"/>
                          <a:cs typeface="+mn-cs"/>
                        </a:rPr>
                        <a:t>Schopfer</a:t>
                      </a:r>
                      <a:r>
                        <a:rPr lang="en-US" sz="1800" b="0" kern="1200" dirty="0">
                          <a:solidFill>
                            <a:schemeClr val="dk1"/>
                          </a:solidFill>
                          <a:effectLst/>
                          <a:latin typeface="Calibri" panose="020F0502020204030204" pitchFamily="34" charset="0"/>
                          <a:ea typeface="+mn-ea"/>
                          <a:cs typeface="Times New Roman" panose="02020603050405020304" pitchFamily="18" charset="0"/>
                        </a:rPr>
                        <a:t>, MD</a:t>
                      </a:r>
                      <a:endParaRPr lang="en-US" sz="1800" b="0" kern="1200" dirty="0">
                        <a:solidFill>
                          <a:schemeClr val="dk1"/>
                        </a:solidFill>
                        <a:effectLst/>
                        <a:latin typeface="+mn-lt"/>
                        <a:ea typeface="+mn-ea"/>
                        <a:cs typeface="+mn-cs"/>
                      </a:endParaRPr>
                    </a:p>
                  </a:txBody>
                  <a:tcPr marL="68580" marR="68580" marT="0" marB="0" anchor="ctr"/>
                </a:tc>
                <a:tc>
                  <a:txBody>
                    <a:bodyPr/>
                    <a:lstStyle/>
                    <a:p>
                      <a:pPr marL="0" marR="0">
                        <a:spcBef>
                          <a:spcPts val="0"/>
                        </a:spcBef>
                        <a:spcAft>
                          <a:spcPts val="0"/>
                        </a:spcAft>
                      </a:pPr>
                      <a:r>
                        <a:rPr lang="en-US" sz="1800" dirty="0">
                          <a:effectLst/>
                        </a:rPr>
                        <a:t>NIH/National Heart Lung and Blood Institute</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4098978828"/>
                  </a:ext>
                </a:extLst>
              </a:tr>
              <a:tr h="215900">
                <a:tc>
                  <a:txBody>
                    <a:bodyPr/>
                    <a:lstStyle/>
                    <a:p>
                      <a:pPr marL="0" marR="0">
                        <a:spcBef>
                          <a:spcPts val="0"/>
                        </a:spcBef>
                        <a:spcAft>
                          <a:spcPts val="0"/>
                        </a:spcAft>
                      </a:pPr>
                      <a:r>
                        <a:rPr lang="en-US" sz="1800" b="0" dirty="0">
                          <a:effectLst/>
                        </a:rPr>
                        <a:t>Marcel </a:t>
                      </a:r>
                      <a:r>
                        <a:rPr lang="en-US" sz="1800" b="0" dirty="0" err="1">
                          <a:effectLst/>
                        </a:rPr>
                        <a:t>Salive</a:t>
                      </a:r>
                      <a:endParaRPr lang="en-US" sz="1800" b="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800" dirty="0">
                          <a:effectLst/>
                        </a:rPr>
                        <a:t>NIH/National Institute on Aging</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403167015"/>
                  </a:ext>
                </a:extLst>
              </a:tr>
              <a:tr h="203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b="0" dirty="0">
                          <a:effectLst/>
                        </a:rPr>
                        <a:t>Clem McDonald, MD &amp; Liz Amos, MLIS</a:t>
                      </a:r>
                      <a:endParaRPr lang="en-US" sz="1800" b="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800" dirty="0">
                          <a:effectLst/>
                        </a:rPr>
                        <a:t>NIH/National Library of Medicine</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458627794"/>
                  </a:ext>
                </a:extLst>
              </a:tr>
              <a:tr h="203200">
                <a:tc>
                  <a:txBody>
                    <a:bodyPr/>
                    <a:lstStyle/>
                    <a:p>
                      <a:pPr marL="0" marR="0">
                        <a:spcBef>
                          <a:spcPts val="0"/>
                        </a:spcBef>
                        <a:spcAft>
                          <a:spcPts val="0"/>
                        </a:spcAft>
                      </a:pPr>
                      <a:r>
                        <a:rPr lang="en-US" sz="1800" b="0" dirty="0">
                          <a:effectLst/>
                        </a:rPr>
                        <a:t>Stephanie Garcia, MPH &amp; Elizabeth </a:t>
                      </a:r>
                      <a:r>
                        <a:rPr lang="en-US" sz="1800" b="0" dirty="0" err="1">
                          <a:effectLst/>
                        </a:rPr>
                        <a:t>Palena</a:t>
                      </a:r>
                      <a:r>
                        <a:rPr lang="en-US" sz="1800" b="0" dirty="0">
                          <a:effectLst/>
                        </a:rPr>
                        <a:t> Hall, MIS, MBA, RN</a:t>
                      </a:r>
                      <a:endParaRPr lang="en-US" sz="1800" b="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spcBef>
                          <a:spcPts val="0"/>
                        </a:spcBef>
                        <a:spcAft>
                          <a:spcPts val="0"/>
                        </a:spcAft>
                      </a:pPr>
                      <a:r>
                        <a:rPr lang="en-US" sz="1800" dirty="0">
                          <a:effectLst/>
                        </a:rPr>
                        <a:t>Office of </a:t>
                      </a:r>
                      <a:r>
                        <a:rPr lang="en-US" sz="1800">
                          <a:effectLst/>
                        </a:rPr>
                        <a:t>the National Coordinator </a:t>
                      </a:r>
                      <a:r>
                        <a:rPr lang="en-US" sz="1800" dirty="0">
                          <a:effectLst/>
                        </a:rPr>
                        <a:t>for Health IT</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extLst>
                  <a:ext uri="{0D108BD9-81ED-4DB2-BD59-A6C34878D82A}">
                    <a16:rowId xmlns:a16="http://schemas.microsoft.com/office/drawing/2014/main" val="2849080214"/>
                  </a:ext>
                </a:extLst>
              </a:tr>
              <a:tr h="203200">
                <a:tc>
                  <a:txBody>
                    <a:bodyPr/>
                    <a:lstStyle/>
                    <a:p>
                      <a:pPr marL="0" marR="0">
                        <a:spcBef>
                          <a:spcPts val="0"/>
                        </a:spcBef>
                        <a:spcAft>
                          <a:spcPts val="0"/>
                        </a:spcAft>
                      </a:pPr>
                      <a:r>
                        <a:rPr lang="en-US" sz="1800" b="0">
                          <a:effectLst/>
                        </a:rPr>
                        <a:t>Maryan Zirkle, MD, MS, MS</a:t>
                      </a:r>
                      <a:endParaRPr lang="en-US" sz="1800" b="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800" dirty="0">
                          <a:effectLst/>
                        </a:rPr>
                        <a:t>Patient-Centered Outcomes Research Institute</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508810589"/>
                  </a:ext>
                </a:extLst>
              </a:tr>
              <a:tr h="203200">
                <a:tc>
                  <a:txBody>
                    <a:bodyPr/>
                    <a:lstStyle/>
                    <a:p>
                      <a:pPr marL="0" marR="0">
                        <a:spcBef>
                          <a:spcPts val="0"/>
                        </a:spcBef>
                        <a:spcAft>
                          <a:spcPts val="0"/>
                        </a:spcAft>
                      </a:pPr>
                      <a:r>
                        <a:rPr lang="en-US" sz="1800" b="0" dirty="0">
                          <a:effectLst/>
                        </a:rPr>
                        <a:t>Susan Crowley, MD</a:t>
                      </a:r>
                      <a:endParaRPr lang="en-US" sz="1800" b="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800" dirty="0">
                          <a:effectLst/>
                        </a:rPr>
                        <a:t>Veteran’s Health Administration</a:t>
                      </a:r>
                      <a:endParaRPr lang="en-US"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44437729"/>
                  </a:ext>
                </a:extLst>
              </a:tr>
            </a:tbl>
          </a:graphicData>
        </a:graphic>
      </p:graphicFrame>
    </p:spTree>
    <p:extLst>
      <p:ext uri="{BB962C8B-B14F-4D97-AF65-F5344CB8AC3E}">
        <p14:creationId xmlns:p14="http://schemas.microsoft.com/office/powerpoint/2010/main" val="12943479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ABF7EA-EC17-574E-B89E-73EA19A71FB5}"/>
              </a:ext>
            </a:extLst>
          </p:cNvPr>
          <p:cNvSpPr>
            <a:spLocks noGrp="1"/>
          </p:cNvSpPr>
          <p:nvPr>
            <p:ph type="title"/>
          </p:nvPr>
        </p:nvSpPr>
        <p:spPr/>
        <p:txBody>
          <a:bodyPr>
            <a:normAutofit fontScale="90000"/>
          </a:bodyPr>
          <a:lstStyle/>
          <a:p>
            <a:r>
              <a:rPr lang="en-US" dirty="0"/>
              <a:t>Expand e-care plan data elements &amp; standards: </a:t>
            </a:r>
            <a:br>
              <a:rPr lang="en-US" dirty="0"/>
            </a:br>
            <a:r>
              <a:rPr lang="en-US" dirty="0"/>
              <a:t>…building from CKD</a:t>
            </a:r>
          </a:p>
        </p:txBody>
      </p:sp>
      <p:sp>
        <p:nvSpPr>
          <p:cNvPr id="4" name="Rectangle 3">
            <a:extLst>
              <a:ext uri="{FF2B5EF4-FFF2-40B4-BE49-F238E27FC236}">
                <a16:creationId xmlns:a16="http://schemas.microsoft.com/office/drawing/2014/main" id="{74DD3EDA-1AC4-1D44-A462-5725283A1E51}"/>
              </a:ext>
            </a:extLst>
          </p:cNvPr>
          <p:cNvSpPr/>
          <p:nvPr/>
        </p:nvSpPr>
        <p:spPr>
          <a:xfrm>
            <a:off x="8403021" y="5360276"/>
            <a:ext cx="3788979" cy="14977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Freeform 9">
            <a:extLst>
              <a:ext uri="{FF2B5EF4-FFF2-40B4-BE49-F238E27FC236}">
                <a16:creationId xmlns:a16="http://schemas.microsoft.com/office/drawing/2014/main" id="{8F7A8A23-5AAF-0546-9708-3B10737A6EAC}"/>
              </a:ext>
            </a:extLst>
          </p:cNvPr>
          <p:cNvSpPr>
            <a:spLocks/>
          </p:cNvSpPr>
          <p:nvPr/>
        </p:nvSpPr>
        <p:spPr bwMode="auto">
          <a:xfrm>
            <a:off x="5010209"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tx2">
              <a:lumMod val="40000"/>
              <a:lumOff val="6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CKD</a:t>
            </a:r>
            <a:endParaRPr lang="en-GB" dirty="0">
              <a:cs typeface="Arial" charset="0"/>
            </a:endParaRPr>
          </a:p>
        </p:txBody>
      </p:sp>
    </p:spTree>
    <p:extLst>
      <p:ext uri="{BB962C8B-B14F-4D97-AF65-F5344CB8AC3E}">
        <p14:creationId xmlns:p14="http://schemas.microsoft.com/office/powerpoint/2010/main" val="292932977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ABF7EA-EC17-574E-B89E-73EA19A71FB5}"/>
              </a:ext>
            </a:extLst>
          </p:cNvPr>
          <p:cNvSpPr>
            <a:spLocks noGrp="1"/>
          </p:cNvSpPr>
          <p:nvPr>
            <p:ph type="title"/>
          </p:nvPr>
        </p:nvSpPr>
        <p:spPr/>
        <p:txBody>
          <a:bodyPr>
            <a:normAutofit fontScale="90000"/>
          </a:bodyPr>
          <a:lstStyle/>
          <a:p>
            <a:r>
              <a:rPr lang="en-US" dirty="0"/>
              <a:t>Expand e-care plan data elements &amp; standards: </a:t>
            </a:r>
            <a:br>
              <a:rPr lang="en-US" dirty="0"/>
            </a:br>
            <a:r>
              <a:rPr lang="en-US" dirty="0"/>
              <a:t>…expanding to IHD, CHF, HTN, Pain, Opioids, Type 2 Diabetes</a:t>
            </a:r>
          </a:p>
        </p:txBody>
      </p:sp>
      <p:sp>
        <p:nvSpPr>
          <p:cNvPr id="10" name="Rectangle 9">
            <a:extLst>
              <a:ext uri="{FF2B5EF4-FFF2-40B4-BE49-F238E27FC236}">
                <a16:creationId xmlns:a16="http://schemas.microsoft.com/office/drawing/2014/main" id="{5E78D101-D982-2A43-A06E-839F893B29A4}"/>
              </a:ext>
            </a:extLst>
          </p:cNvPr>
          <p:cNvSpPr/>
          <p:nvPr/>
        </p:nvSpPr>
        <p:spPr>
          <a:xfrm>
            <a:off x="8403021" y="5360276"/>
            <a:ext cx="3788979" cy="14977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4D043C99-2DC9-ED43-97D2-F6E25E995431}"/>
              </a:ext>
            </a:extLst>
          </p:cNvPr>
          <p:cNvGrpSpPr/>
          <p:nvPr/>
        </p:nvGrpSpPr>
        <p:grpSpPr>
          <a:xfrm>
            <a:off x="3424143" y="3214789"/>
            <a:ext cx="5365109" cy="3151907"/>
            <a:chOff x="2934342" y="3214789"/>
            <a:chExt cx="5365109" cy="3151907"/>
          </a:xfrm>
        </p:grpSpPr>
        <p:sp>
          <p:nvSpPr>
            <p:cNvPr id="11" name="Freeform 9">
              <a:extLst>
                <a:ext uri="{FF2B5EF4-FFF2-40B4-BE49-F238E27FC236}">
                  <a16:creationId xmlns:a16="http://schemas.microsoft.com/office/drawing/2014/main" id="{5F439F2E-552E-7A4E-BD68-835A64CA9664}"/>
                </a:ext>
              </a:extLst>
            </p:cNvPr>
            <p:cNvSpPr>
              <a:spLocks/>
            </p:cNvSpPr>
            <p:nvPr/>
          </p:nvSpPr>
          <p:spPr bwMode="auto">
            <a:xfrm>
              <a:off x="6099176"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accent4">
                <a:lumMod val="60000"/>
                <a:lumOff val="4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Chronic </a:t>
              </a:r>
            </a:p>
            <a:p>
              <a:pPr algn="ctr" eaLnBrk="1" hangingPunct="1">
                <a:defRPr/>
              </a:pPr>
              <a:r>
                <a:rPr lang="en-US" dirty="0">
                  <a:cs typeface="Arial" charset="0"/>
                </a:rPr>
                <a:t>Pain &amp; </a:t>
              </a:r>
            </a:p>
            <a:p>
              <a:pPr algn="ctr" eaLnBrk="1" hangingPunct="1">
                <a:defRPr/>
              </a:pPr>
              <a:r>
                <a:rPr lang="en-US" dirty="0">
                  <a:cs typeface="Arial" charset="0"/>
                </a:rPr>
                <a:t>Opioids</a:t>
              </a:r>
              <a:endParaRPr lang="en-GB" dirty="0">
                <a:cs typeface="Arial" charset="0"/>
              </a:endParaRPr>
            </a:p>
          </p:txBody>
        </p:sp>
        <p:sp>
          <p:nvSpPr>
            <p:cNvPr id="12" name="Freeform 7">
              <a:extLst>
                <a:ext uri="{FF2B5EF4-FFF2-40B4-BE49-F238E27FC236}">
                  <a16:creationId xmlns:a16="http://schemas.microsoft.com/office/drawing/2014/main" id="{A7FCA811-E956-9940-A873-2E6EE91874A8}"/>
                </a:ext>
              </a:extLst>
            </p:cNvPr>
            <p:cNvSpPr>
              <a:spLocks/>
            </p:cNvSpPr>
            <p:nvPr/>
          </p:nvSpPr>
          <p:spPr bwMode="auto">
            <a:xfrm>
              <a:off x="4841082"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accent4">
                <a:lumMod val="60000"/>
                <a:lumOff val="40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Type 2 </a:t>
              </a:r>
            </a:p>
            <a:p>
              <a:pPr algn="ctr" eaLnBrk="1" hangingPunct="1">
                <a:defRPr/>
              </a:pPr>
              <a:r>
                <a:rPr lang="en-US" dirty="0">
                  <a:cs typeface="Arial" charset="0"/>
                </a:rPr>
                <a:t>Diabetes</a:t>
              </a:r>
              <a:endParaRPr lang="en-GB" dirty="0">
                <a:cs typeface="Arial" charset="0"/>
              </a:endParaRPr>
            </a:p>
          </p:txBody>
        </p:sp>
        <p:sp>
          <p:nvSpPr>
            <p:cNvPr id="14" name="Freeform 9">
              <a:extLst>
                <a:ext uri="{FF2B5EF4-FFF2-40B4-BE49-F238E27FC236}">
                  <a16:creationId xmlns:a16="http://schemas.microsoft.com/office/drawing/2014/main" id="{DF50607F-C224-F24E-B46E-C29A54096B20}"/>
                </a:ext>
              </a:extLst>
            </p:cNvPr>
            <p:cNvSpPr>
              <a:spLocks/>
            </p:cNvSpPr>
            <p:nvPr/>
          </p:nvSpPr>
          <p:spPr bwMode="auto">
            <a:xfrm>
              <a:off x="4520408"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tx2">
                <a:lumMod val="40000"/>
                <a:lumOff val="6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CKD</a:t>
              </a:r>
              <a:endParaRPr lang="en-GB" dirty="0">
                <a:cs typeface="Arial" charset="0"/>
              </a:endParaRPr>
            </a:p>
          </p:txBody>
        </p:sp>
        <p:sp>
          <p:nvSpPr>
            <p:cNvPr id="16" name="Freeform 9">
              <a:extLst>
                <a:ext uri="{FF2B5EF4-FFF2-40B4-BE49-F238E27FC236}">
                  <a16:creationId xmlns:a16="http://schemas.microsoft.com/office/drawing/2014/main" id="{512CEF23-3C67-5E4E-9386-3E68FB1F38EA}"/>
                </a:ext>
              </a:extLst>
            </p:cNvPr>
            <p:cNvSpPr>
              <a:spLocks/>
            </p:cNvSpPr>
            <p:nvPr/>
          </p:nvSpPr>
          <p:spPr bwMode="auto">
            <a:xfrm>
              <a:off x="2934342"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accent4">
                <a:lumMod val="60000"/>
                <a:lumOff val="4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IHD, CHF, </a:t>
              </a:r>
            </a:p>
            <a:p>
              <a:pPr algn="ctr" eaLnBrk="1" hangingPunct="1">
                <a:defRPr/>
              </a:pPr>
              <a:r>
                <a:rPr lang="en-US" dirty="0">
                  <a:cs typeface="Arial" charset="0"/>
                </a:rPr>
                <a:t>HTN</a:t>
              </a:r>
              <a:endParaRPr lang="en-GB" dirty="0">
                <a:cs typeface="Arial" charset="0"/>
              </a:endParaRPr>
            </a:p>
          </p:txBody>
        </p:sp>
      </p:grpSp>
    </p:spTree>
    <p:extLst>
      <p:ext uri="{BB962C8B-B14F-4D97-AF65-F5344CB8AC3E}">
        <p14:creationId xmlns:p14="http://schemas.microsoft.com/office/powerpoint/2010/main" val="218258861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EABA9005-C55B-7841-A1E9-A614B937CD73}"/>
              </a:ext>
            </a:extLst>
          </p:cNvPr>
          <p:cNvSpPr/>
          <p:nvPr/>
        </p:nvSpPr>
        <p:spPr>
          <a:xfrm>
            <a:off x="8403021" y="5360276"/>
            <a:ext cx="3788979" cy="14977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EABF7EA-EC17-574E-B89E-73EA19A71FB5}"/>
              </a:ext>
            </a:extLst>
          </p:cNvPr>
          <p:cNvSpPr>
            <a:spLocks noGrp="1"/>
          </p:cNvSpPr>
          <p:nvPr>
            <p:ph type="title"/>
          </p:nvPr>
        </p:nvSpPr>
        <p:spPr/>
        <p:txBody>
          <a:bodyPr>
            <a:normAutofit fontScale="90000"/>
          </a:bodyPr>
          <a:lstStyle/>
          <a:p>
            <a:r>
              <a:rPr lang="en-US" dirty="0"/>
              <a:t>Expand e-care plan data elements &amp; standards: </a:t>
            </a:r>
            <a:br>
              <a:rPr lang="en-US" dirty="0"/>
            </a:br>
            <a:r>
              <a:rPr lang="en-US" dirty="0"/>
              <a:t>…beyond the work we are doing at NIDDK</a:t>
            </a:r>
          </a:p>
        </p:txBody>
      </p:sp>
      <p:grpSp>
        <p:nvGrpSpPr>
          <p:cNvPr id="3" name="Group 2">
            <a:extLst>
              <a:ext uri="{FF2B5EF4-FFF2-40B4-BE49-F238E27FC236}">
                <a16:creationId xmlns:a16="http://schemas.microsoft.com/office/drawing/2014/main" id="{B8C14FA6-C85D-BF41-8683-E87A372487A8}"/>
              </a:ext>
            </a:extLst>
          </p:cNvPr>
          <p:cNvGrpSpPr/>
          <p:nvPr/>
        </p:nvGrpSpPr>
        <p:grpSpPr>
          <a:xfrm>
            <a:off x="3424143" y="1656584"/>
            <a:ext cx="5369871" cy="4710112"/>
            <a:chOff x="2934342" y="1656584"/>
            <a:chExt cx="5369871" cy="4710112"/>
          </a:xfrm>
        </p:grpSpPr>
        <p:sp>
          <p:nvSpPr>
            <p:cNvPr id="14" name="Freeform 7">
              <a:extLst>
                <a:ext uri="{FF2B5EF4-FFF2-40B4-BE49-F238E27FC236}">
                  <a16:creationId xmlns:a16="http://schemas.microsoft.com/office/drawing/2014/main" id="{154AB81E-B1AD-B742-91BD-34AF6BED0B38}"/>
                </a:ext>
              </a:extLst>
            </p:cNvPr>
            <p:cNvSpPr>
              <a:spLocks/>
            </p:cNvSpPr>
            <p:nvPr/>
          </p:nvSpPr>
          <p:spPr bwMode="auto">
            <a:xfrm>
              <a:off x="6419850"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bg1">
                <a:lumMod val="75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SIREN </a:t>
              </a:r>
            </a:p>
            <a:p>
              <a:pPr algn="ctr" eaLnBrk="1" hangingPunct="1">
                <a:defRPr/>
              </a:pPr>
              <a:r>
                <a:rPr lang="en-US" dirty="0">
                  <a:cs typeface="Arial" charset="0"/>
                </a:rPr>
                <a:t>Gravity</a:t>
              </a:r>
            </a:p>
            <a:p>
              <a:pPr algn="ctr" eaLnBrk="1" hangingPunct="1">
                <a:defRPr/>
              </a:pPr>
              <a:r>
                <a:rPr lang="en-US" dirty="0">
                  <a:cs typeface="Arial" charset="0"/>
                </a:rPr>
                <a:t>Project</a:t>
              </a:r>
              <a:endParaRPr lang="en-GB" dirty="0">
                <a:cs typeface="Arial" charset="0"/>
              </a:endParaRPr>
            </a:p>
          </p:txBody>
        </p:sp>
        <p:sp>
          <p:nvSpPr>
            <p:cNvPr id="20" name="Freeform 9">
              <a:extLst>
                <a:ext uri="{FF2B5EF4-FFF2-40B4-BE49-F238E27FC236}">
                  <a16:creationId xmlns:a16="http://schemas.microsoft.com/office/drawing/2014/main" id="{FA4F1D57-1219-C649-B277-B2C9532B6350}"/>
                </a:ext>
              </a:extLst>
            </p:cNvPr>
            <p:cNvSpPr>
              <a:spLocks/>
            </p:cNvSpPr>
            <p:nvPr/>
          </p:nvSpPr>
          <p:spPr bwMode="auto">
            <a:xfrm>
              <a:off x="6099176"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accent4">
                <a:lumMod val="60000"/>
                <a:lumOff val="4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Chronic </a:t>
              </a:r>
            </a:p>
            <a:p>
              <a:pPr algn="ctr" eaLnBrk="1" hangingPunct="1">
                <a:defRPr/>
              </a:pPr>
              <a:r>
                <a:rPr lang="en-US" dirty="0">
                  <a:cs typeface="Arial" charset="0"/>
                </a:rPr>
                <a:t>Pain &amp; </a:t>
              </a:r>
            </a:p>
            <a:p>
              <a:pPr algn="ctr" eaLnBrk="1" hangingPunct="1">
                <a:defRPr/>
              </a:pPr>
              <a:r>
                <a:rPr lang="en-US" dirty="0">
                  <a:cs typeface="Arial" charset="0"/>
                </a:rPr>
                <a:t>Opioids</a:t>
              </a:r>
              <a:endParaRPr lang="en-GB" dirty="0">
                <a:cs typeface="Arial" charset="0"/>
              </a:endParaRPr>
            </a:p>
          </p:txBody>
        </p:sp>
        <p:sp>
          <p:nvSpPr>
            <p:cNvPr id="21" name="Freeform 7">
              <a:extLst>
                <a:ext uri="{FF2B5EF4-FFF2-40B4-BE49-F238E27FC236}">
                  <a16:creationId xmlns:a16="http://schemas.microsoft.com/office/drawing/2014/main" id="{3BA6BAE4-DFF8-D043-90BF-F735D49540B0}"/>
                </a:ext>
              </a:extLst>
            </p:cNvPr>
            <p:cNvSpPr>
              <a:spLocks/>
            </p:cNvSpPr>
            <p:nvPr/>
          </p:nvSpPr>
          <p:spPr bwMode="auto">
            <a:xfrm>
              <a:off x="4841082"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accent4">
                <a:lumMod val="60000"/>
                <a:lumOff val="40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Type 2 </a:t>
              </a:r>
            </a:p>
            <a:p>
              <a:pPr algn="ctr" eaLnBrk="1" hangingPunct="1">
                <a:defRPr/>
              </a:pPr>
              <a:r>
                <a:rPr lang="en-US" dirty="0">
                  <a:cs typeface="Arial" charset="0"/>
                </a:rPr>
                <a:t>Diabetes</a:t>
              </a:r>
              <a:endParaRPr lang="en-GB" dirty="0">
                <a:cs typeface="Arial" charset="0"/>
              </a:endParaRPr>
            </a:p>
          </p:txBody>
        </p:sp>
        <p:sp>
          <p:nvSpPr>
            <p:cNvPr id="22" name="Freeform 8">
              <a:extLst>
                <a:ext uri="{FF2B5EF4-FFF2-40B4-BE49-F238E27FC236}">
                  <a16:creationId xmlns:a16="http://schemas.microsoft.com/office/drawing/2014/main" id="{1294D12A-BF11-0C47-BFE1-6788B283E98F}"/>
                </a:ext>
              </a:extLst>
            </p:cNvPr>
            <p:cNvSpPr>
              <a:spLocks/>
            </p:cNvSpPr>
            <p:nvPr/>
          </p:nvSpPr>
          <p:spPr bwMode="auto">
            <a:xfrm>
              <a:off x="4517232" y="1656584"/>
              <a:ext cx="1885950" cy="1882775"/>
            </a:xfrm>
            <a:custGeom>
              <a:avLst/>
              <a:gdLst>
                <a:gd name="T0" fmla="*/ 2222 w 2377"/>
                <a:gd name="T1" fmla="*/ 795 h 2371"/>
                <a:gd name="T2" fmla="*/ 2275 w 2377"/>
                <a:gd name="T3" fmla="*/ 827 h 2371"/>
                <a:gd name="T4" fmla="*/ 2314 w 2377"/>
                <a:gd name="T5" fmla="*/ 882 h 2371"/>
                <a:gd name="T6" fmla="*/ 2362 w 2377"/>
                <a:gd name="T7" fmla="*/ 907 h 2371"/>
                <a:gd name="T8" fmla="*/ 395 w 2377"/>
                <a:gd name="T9" fmla="*/ 855 h 2371"/>
                <a:gd name="T10" fmla="*/ 386 w 2377"/>
                <a:gd name="T11" fmla="*/ 892 h 2371"/>
                <a:gd name="T12" fmla="*/ 358 w 2377"/>
                <a:gd name="T13" fmla="*/ 907 h 2371"/>
                <a:gd name="T14" fmla="*/ 325 w 2377"/>
                <a:gd name="T15" fmla="*/ 886 h 2371"/>
                <a:gd name="T16" fmla="*/ 296 w 2377"/>
                <a:gd name="T17" fmla="*/ 842 h 2371"/>
                <a:gd name="T18" fmla="*/ 242 w 2377"/>
                <a:gd name="T19" fmla="*/ 800 h 2371"/>
                <a:gd name="T20" fmla="*/ 184 w 2377"/>
                <a:gd name="T21" fmla="*/ 786 h 2371"/>
                <a:gd name="T22" fmla="*/ 96 w 2377"/>
                <a:gd name="T23" fmla="*/ 815 h 2371"/>
                <a:gd name="T24" fmla="*/ 32 w 2377"/>
                <a:gd name="T25" fmla="*/ 888 h 2371"/>
                <a:gd name="T26" fmla="*/ 0 w 2377"/>
                <a:gd name="T27" fmla="*/ 993 h 2371"/>
                <a:gd name="T28" fmla="*/ 8 w 2377"/>
                <a:gd name="T29" fmla="*/ 1084 h 2371"/>
                <a:gd name="T30" fmla="*/ 54 w 2377"/>
                <a:gd name="T31" fmla="*/ 1178 h 2371"/>
                <a:gd name="T32" fmla="*/ 129 w 2377"/>
                <a:gd name="T33" fmla="*/ 1235 h 2371"/>
                <a:gd name="T34" fmla="*/ 201 w 2377"/>
                <a:gd name="T35" fmla="*/ 1245 h 2371"/>
                <a:gd name="T36" fmla="*/ 265 w 2377"/>
                <a:gd name="T37" fmla="*/ 1220 h 2371"/>
                <a:gd name="T38" fmla="*/ 313 w 2377"/>
                <a:gd name="T39" fmla="*/ 1164 h 2371"/>
                <a:gd name="T40" fmla="*/ 338 w 2377"/>
                <a:gd name="T41" fmla="*/ 1133 h 2371"/>
                <a:gd name="T42" fmla="*/ 371 w 2377"/>
                <a:gd name="T43" fmla="*/ 1126 h 2371"/>
                <a:gd name="T44" fmla="*/ 392 w 2377"/>
                <a:gd name="T45" fmla="*/ 1155 h 2371"/>
                <a:gd name="T46" fmla="*/ 1256 w 2377"/>
                <a:gd name="T47" fmla="*/ 1976 h 2371"/>
                <a:gd name="T48" fmla="*/ 1298 w 2377"/>
                <a:gd name="T49" fmla="*/ 1990 h 2371"/>
                <a:gd name="T50" fmla="*/ 1305 w 2377"/>
                <a:gd name="T51" fmla="*/ 2020 h 2371"/>
                <a:gd name="T52" fmla="*/ 1275 w 2377"/>
                <a:gd name="T53" fmla="*/ 2052 h 2371"/>
                <a:gd name="T54" fmla="*/ 1225 w 2377"/>
                <a:gd name="T55" fmla="*/ 2088 h 2371"/>
                <a:gd name="T56" fmla="*/ 1193 w 2377"/>
                <a:gd name="T57" fmla="*/ 2141 h 2371"/>
                <a:gd name="T58" fmla="*/ 1186 w 2377"/>
                <a:gd name="T59" fmla="*/ 2206 h 2371"/>
                <a:gd name="T60" fmla="*/ 1225 w 2377"/>
                <a:gd name="T61" fmla="*/ 2290 h 2371"/>
                <a:gd name="T62" fmla="*/ 1305 w 2377"/>
                <a:gd name="T63" fmla="*/ 2348 h 2371"/>
                <a:gd name="T64" fmla="*/ 1414 w 2377"/>
                <a:gd name="T65" fmla="*/ 2371 h 2371"/>
                <a:gd name="T66" fmla="*/ 1504 w 2377"/>
                <a:gd name="T67" fmla="*/ 2357 h 2371"/>
                <a:gd name="T68" fmla="*/ 1591 w 2377"/>
                <a:gd name="T69" fmla="*/ 2304 h 2371"/>
                <a:gd name="T70" fmla="*/ 1639 w 2377"/>
                <a:gd name="T71" fmla="*/ 2224 h 2371"/>
                <a:gd name="T72" fmla="*/ 1640 w 2377"/>
                <a:gd name="T73" fmla="*/ 2156 h 2371"/>
                <a:gd name="T74" fmla="*/ 1612 w 2377"/>
                <a:gd name="T75" fmla="*/ 2097 h 2371"/>
                <a:gd name="T76" fmla="*/ 1564 w 2377"/>
                <a:gd name="T77" fmla="*/ 2057 h 2371"/>
                <a:gd name="T78" fmla="*/ 1526 w 2377"/>
                <a:gd name="T79" fmla="*/ 2026 h 2371"/>
                <a:gd name="T80" fmla="*/ 1526 w 2377"/>
                <a:gd name="T81" fmla="*/ 1994 h 2371"/>
                <a:gd name="T82" fmla="*/ 1564 w 2377"/>
                <a:gd name="T83" fmla="*/ 1976 h 2371"/>
                <a:gd name="T84" fmla="*/ 2370 w 2377"/>
                <a:gd name="T85" fmla="*/ 1130 h 2371"/>
                <a:gd name="T86" fmla="*/ 2323 w 2377"/>
                <a:gd name="T87" fmla="*/ 1139 h 2371"/>
                <a:gd name="T88" fmla="*/ 2289 w 2377"/>
                <a:gd name="T89" fmla="*/ 1191 h 2371"/>
                <a:gd name="T90" fmla="*/ 2235 w 2377"/>
                <a:gd name="T91" fmla="*/ 1233 h 2371"/>
                <a:gd name="T92" fmla="*/ 2177 w 2377"/>
                <a:gd name="T93" fmla="*/ 1245 h 2371"/>
                <a:gd name="T94" fmla="*/ 2089 w 2377"/>
                <a:gd name="T95" fmla="*/ 1218 h 2371"/>
                <a:gd name="T96" fmla="*/ 2024 w 2377"/>
                <a:gd name="T97" fmla="*/ 1145 h 2371"/>
                <a:gd name="T98" fmla="*/ 1993 w 2377"/>
                <a:gd name="T99" fmla="*/ 1040 h 2371"/>
                <a:gd name="T100" fmla="*/ 2000 w 2377"/>
                <a:gd name="T101" fmla="*/ 948 h 2371"/>
                <a:gd name="T102" fmla="*/ 2047 w 2377"/>
                <a:gd name="T103" fmla="*/ 855 h 2371"/>
                <a:gd name="T104" fmla="*/ 2121 w 2377"/>
                <a:gd name="T105" fmla="*/ 797 h 2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7" h="2371">
                  <a:moveTo>
                    <a:pt x="2177" y="788"/>
                  </a:moveTo>
                  <a:lnTo>
                    <a:pt x="2177" y="788"/>
                  </a:lnTo>
                  <a:lnTo>
                    <a:pt x="2193" y="788"/>
                  </a:lnTo>
                  <a:lnTo>
                    <a:pt x="2208" y="791"/>
                  </a:lnTo>
                  <a:lnTo>
                    <a:pt x="2222" y="795"/>
                  </a:lnTo>
                  <a:lnTo>
                    <a:pt x="2235" y="800"/>
                  </a:lnTo>
                  <a:lnTo>
                    <a:pt x="2247" y="806"/>
                  </a:lnTo>
                  <a:lnTo>
                    <a:pt x="2257" y="813"/>
                  </a:lnTo>
                  <a:lnTo>
                    <a:pt x="2266" y="819"/>
                  </a:lnTo>
                  <a:lnTo>
                    <a:pt x="2275" y="827"/>
                  </a:lnTo>
                  <a:lnTo>
                    <a:pt x="2289" y="842"/>
                  </a:lnTo>
                  <a:lnTo>
                    <a:pt x="2298" y="855"/>
                  </a:lnTo>
                  <a:lnTo>
                    <a:pt x="2305" y="867"/>
                  </a:lnTo>
                  <a:lnTo>
                    <a:pt x="2305" y="867"/>
                  </a:lnTo>
                  <a:lnTo>
                    <a:pt x="2314" y="882"/>
                  </a:lnTo>
                  <a:lnTo>
                    <a:pt x="2323" y="894"/>
                  </a:lnTo>
                  <a:lnTo>
                    <a:pt x="2334" y="901"/>
                  </a:lnTo>
                  <a:lnTo>
                    <a:pt x="2343" y="907"/>
                  </a:lnTo>
                  <a:lnTo>
                    <a:pt x="2353" y="909"/>
                  </a:lnTo>
                  <a:lnTo>
                    <a:pt x="2362" y="907"/>
                  </a:lnTo>
                  <a:lnTo>
                    <a:pt x="2370" y="903"/>
                  </a:lnTo>
                  <a:lnTo>
                    <a:pt x="2377" y="895"/>
                  </a:lnTo>
                  <a:lnTo>
                    <a:pt x="2377" y="0"/>
                  </a:lnTo>
                  <a:lnTo>
                    <a:pt x="395" y="0"/>
                  </a:lnTo>
                  <a:lnTo>
                    <a:pt x="395" y="855"/>
                  </a:lnTo>
                  <a:lnTo>
                    <a:pt x="395" y="855"/>
                  </a:lnTo>
                  <a:lnTo>
                    <a:pt x="393" y="867"/>
                  </a:lnTo>
                  <a:lnTo>
                    <a:pt x="392" y="877"/>
                  </a:lnTo>
                  <a:lnTo>
                    <a:pt x="389" y="886"/>
                  </a:lnTo>
                  <a:lnTo>
                    <a:pt x="386" y="892"/>
                  </a:lnTo>
                  <a:lnTo>
                    <a:pt x="382" y="898"/>
                  </a:lnTo>
                  <a:lnTo>
                    <a:pt x="377" y="903"/>
                  </a:lnTo>
                  <a:lnTo>
                    <a:pt x="371" y="906"/>
                  </a:lnTo>
                  <a:lnTo>
                    <a:pt x="365" y="907"/>
                  </a:lnTo>
                  <a:lnTo>
                    <a:pt x="358" y="907"/>
                  </a:lnTo>
                  <a:lnTo>
                    <a:pt x="352" y="907"/>
                  </a:lnTo>
                  <a:lnTo>
                    <a:pt x="344" y="904"/>
                  </a:lnTo>
                  <a:lnTo>
                    <a:pt x="338" y="900"/>
                  </a:lnTo>
                  <a:lnTo>
                    <a:pt x="331" y="894"/>
                  </a:lnTo>
                  <a:lnTo>
                    <a:pt x="325" y="886"/>
                  </a:lnTo>
                  <a:lnTo>
                    <a:pt x="319" y="877"/>
                  </a:lnTo>
                  <a:lnTo>
                    <a:pt x="313" y="867"/>
                  </a:lnTo>
                  <a:lnTo>
                    <a:pt x="313" y="867"/>
                  </a:lnTo>
                  <a:lnTo>
                    <a:pt x="305" y="855"/>
                  </a:lnTo>
                  <a:lnTo>
                    <a:pt x="296" y="842"/>
                  </a:lnTo>
                  <a:lnTo>
                    <a:pt x="283" y="827"/>
                  </a:lnTo>
                  <a:lnTo>
                    <a:pt x="274" y="819"/>
                  </a:lnTo>
                  <a:lnTo>
                    <a:pt x="265" y="812"/>
                  </a:lnTo>
                  <a:lnTo>
                    <a:pt x="254" y="806"/>
                  </a:lnTo>
                  <a:lnTo>
                    <a:pt x="242" y="800"/>
                  </a:lnTo>
                  <a:lnTo>
                    <a:pt x="229" y="794"/>
                  </a:lnTo>
                  <a:lnTo>
                    <a:pt x="216" y="791"/>
                  </a:lnTo>
                  <a:lnTo>
                    <a:pt x="201" y="788"/>
                  </a:lnTo>
                  <a:lnTo>
                    <a:pt x="184" y="786"/>
                  </a:lnTo>
                  <a:lnTo>
                    <a:pt x="184" y="786"/>
                  </a:lnTo>
                  <a:lnTo>
                    <a:pt x="165" y="788"/>
                  </a:lnTo>
                  <a:lnTo>
                    <a:pt x="147" y="791"/>
                  </a:lnTo>
                  <a:lnTo>
                    <a:pt x="129" y="797"/>
                  </a:lnTo>
                  <a:lnTo>
                    <a:pt x="112" y="804"/>
                  </a:lnTo>
                  <a:lnTo>
                    <a:pt x="96" y="815"/>
                  </a:lnTo>
                  <a:lnTo>
                    <a:pt x="81" y="825"/>
                  </a:lnTo>
                  <a:lnTo>
                    <a:pt x="66" y="839"/>
                  </a:lnTo>
                  <a:lnTo>
                    <a:pt x="54" y="854"/>
                  </a:lnTo>
                  <a:lnTo>
                    <a:pt x="42" y="870"/>
                  </a:lnTo>
                  <a:lnTo>
                    <a:pt x="32" y="888"/>
                  </a:lnTo>
                  <a:lnTo>
                    <a:pt x="21" y="907"/>
                  </a:lnTo>
                  <a:lnTo>
                    <a:pt x="14" y="927"/>
                  </a:lnTo>
                  <a:lnTo>
                    <a:pt x="8" y="948"/>
                  </a:lnTo>
                  <a:lnTo>
                    <a:pt x="3" y="970"/>
                  </a:lnTo>
                  <a:lnTo>
                    <a:pt x="0" y="993"/>
                  </a:lnTo>
                  <a:lnTo>
                    <a:pt x="0" y="1016"/>
                  </a:lnTo>
                  <a:lnTo>
                    <a:pt x="0" y="1016"/>
                  </a:lnTo>
                  <a:lnTo>
                    <a:pt x="0" y="1039"/>
                  </a:lnTo>
                  <a:lnTo>
                    <a:pt x="3" y="1063"/>
                  </a:lnTo>
                  <a:lnTo>
                    <a:pt x="8" y="1084"/>
                  </a:lnTo>
                  <a:lnTo>
                    <a:pt x="14" y="1105"/>
                  </a:lnTo>
                  <a:lnTo>
                    <a:pt x="21" y="1126"/>
                  </a:lnTo>
                  <a:lnTo>
                    <a:pt x="32" y="1145"/>
                  </a:lnTo>
                  <a:lnTo>
                    <a:pt x="42" y="1161"/>
                  </a:lnTo>
                  <a:lnTo>
                    <a:pt x="54" y="1178"/>
                  </a:lnTo>
                  <a:lnTo>
                    <a:pt x="66" y="1193"/>
                  </a:lnTo>
                  <a:lnTo>
                    <a:pt x="81" y="1206"/>
                  </a:lnTo>
                  <a:lnTo>
                    <a:pt x="96" y="1218"/>
                  </a:lnTo>
                  <a:lnTo>
                    <a:pt x="112" y="1227"/>
                  </a:lnTo>
                  <a:lnTo>
                    <a:pt x="129" y="1235"/>
                  </a:lnTo>
                  <a:lnTo>
                    <a:pt x="147" y="1241"/>
                  </a:lnTo>
                  <a:lnTo>
                    <a:pt x="165" y="1244"/>
                  </a:lnTo>
                  <a:lnTo>
                    <a:pt x="184" y="1245"/>
                  </a:lnTo>
                  <a:lnTo>
                    <a:pt x="184" y="1245"/>
                  </a:lnTo>
                  <a:lnTo>
                    <a:pt x="201" y="1245"/>
                  </a:lnTo>
                  <a:lnTo>
                    <a:pt x="216" y="1242"/>
                  </a:lnTo>
                  <a:lnTo>
                    <a:pt x="229" y="1238"/>
                  </a:lnTo>
                  <a:lnTo>
                    <a:pt x="242" y="1233"/>
                  </a:lnTo>
                  <a:lnTo>
                    <a:pt x="254" y="1227"/>
                  </a:lnTo>
                  <a:lnTo>
                    <a:pt x="265" y="1220"/>
                  </a:lnTo>
                  <a:lnTo>
                    <a:pt x="274" y="1212"/>
                  </a:lnTo>
                  <a:lnTo>
                    <a:pt x="283" y="1205"/>
                  </a:lnTo>
                  <a:lnTo>
                    <a:pt x="296" y="1190"/>
                  </a:lnTo>
                  <a:lnTo>
                    <a:pt x="305" y="1178"/>
                  </a:lnTo>
                  <a:lnTo>
                    <a:pt x="313" y="1164"/>
                  </a:lnTo>
                  <a:lnTo>
                    <a:pt x="313" y="1164"/>
                  </a:lnTo>
                  <a:lnTo>
                    <a:pt x="319" y="1155"/>
                  </a:lnTo>
                  <a:lnTo>
                    <a:pt x="325" y="1147"/>
                  </a:lnTo>
                  <a:lnTo>
                    <a:pt x="331" y="1139"/>
                  </a:lnTo>
                  <a:lnTo>
                    <a:pt x="338" y="1133"/>
                  </a:lnTo>
                  <a:lnTo>
                    <a:pt x="344" y="1129"/>
                  </a:lnTo>
                  <a:lnTo>
                    <a:pt x="352" y="1126"/>
                  </a:lnTo>
                  <a:lnTo>
                    <a:pt x="358" y="1124"/>
                  </a:lnTo>
                  <a:lnTo>
                    <a:pt x="365" y="1124"/>
                  </a:lnTo>
                  <a:lnTo>
                    <a:pt x="371" y="1126"/>
                  </a:lnTo>
                  <a:lnTo>
                    <a:pt x="377" y="1129"/>
                  </a:lnTo>
                  <a:lnTo>
                    <a:pt x="382" y="1133"/>
                  </a:lnTo>
                  <a:lnTo>
                    <a:pt x="386" y="1139"/>
                  </a:lnTo>
                  <a:lnTo>
                    <a:pt x="389" y="1147"/>
                  </a:lnTo>
                  <a:lnTo>
                    <a:pt x="392" y="1155"/>
                  </a:lnTo>
                  <a:lnTo>
                    <a:pt x="393" y="1166"/>
                  </a:lnTo>
                  <a:lnTo>
                    <a:pt x="395" y="1176"/>
                  </a:lnTo>
                  <a:lnTo>
                    <a:pt x="395" y="1979"/>
                  </a:lnTo>
                  <a:lnTo>
                    <a:pt x="1256" y="1976"/>
                  </a:lnTo>
                  <a:lnTo>
                    <a:pt x="1256" y="1976"/>
                  </a:lnTo>
                  <a:lnTo>
                    <a:pt x="1266" y="1978"/>
                  </a:lnTo>
                  <a:lnTo>
                    <a:pt x="1277" y="1979"/>
                  </a:lnTo>
                  <a:lnTo>
                    <a:pt x="1286" y="1982"/>
                  </a:lnTo>
                  <a:lnTo>
                    <a:pt x="1292" y="1985"/>
                  </a:lnTo>
                  <a:lnTo>
                    <a:pt x="1298" y="1990"/>
                  </a:lnTo>
                  <a:lnTo>
                    <a:pt x="1302" y="1996"/>
                  </a:lnTo>
                  <a:lnTo>
                    <a:pt x="1305" y="2000"/>
                  </a:lnTo>
                  <a:lnTo>
                    <a:pt x="1307" y="2006"/>
                  </a:lnTo>
                  <a:lnTo>
                    <a:pt x="1307" y="2014"/>
                  </a:lnTo>
                  <a:lnTo>
                    <a:pt x="1305" y="2020"/>
                  </a:lnTo>
                  <a:lnTo>
                    <a:pt x="1302" y="2027"/>
                  </a:lnTo>
                  <a:lnTo>
                    <a:pt x="1298" y="2033"/>
                  </a:lnTo>
                  <a:lnTo>
                    <a:pt x="1292" y="2040"/>
                  </a:lnTo>
                  <a:lnTo>
                    <a:pt x="1284" y="2046"/>
                  </a:lnTo>
                  <a:lnTo>
                    <a:pt x="1275" y="2052"/>
                  </a:lnTo>
                  <a:lnTo>
                    <a:pt x="1265" y="2057"/>
                  </a:lnTo>
                  <a:lnTo>
                    <a:pt x="1265" y="2057"/>
                  </a:lnTo>
                  <a:lnTo>
                    <a:pt x="1253" y="2064"/>
                  </a:lnTo>
                  <a:lnTo>
                    <a:pt x="1239" y="2075"/>
                  </a:lnTo>
                  <a:lnTo>
                    <a:pt x="1225" y="2088"/>
                  </a:lnTo>
                  <a:lnTo>
                    <a:pt x="1217" y="2097"/>
                  </a:lnTo>
                  <a:lnTo>
                    <a:pt x="1211" y="2106"/>
                  </a:lnTo>
                  <a:lnTo>
                    <a:pt x="1204" y="2117"/>
                  </a:lnTo>
                  <a:lnTo>
                    <a:pt x="1198" y="2129"/>
                  </a:lnTo>
                  <a:lnTo>
                    <a:pt x="1193" y="2141"/>
                  </a:lnTo>
                  <a:lnTo>
                    <a:pt x="1189" y="2156"/>
                  </a:lnTo>
                  <a:lnTo>
                    <a:pt x="1186" y="2171"/>
                  </a:lnTo>
                  <a:lnTo>
                    <a:pt x="1186" y="2187"/>
                  </a:lnTo>
                  <a:lnTo>
                    <a:pt x="1186" y="2187"/>
                  </a:lnTo>
                  <a:lnTo>
                    <a:pt x="1186" y="2206"/>
                  </a:lnTo>
                  <a:lnTo>
                    <a:pt x="1190" y="2224"/>
                  </a:lnTo>
                  <a:lnTo>
                    <a:pt x="1196" y="2242"/>
                  </a:lnTo>
                  <a:lnTo>
                    <a:pt x="1204" y="2259"/>
                  </a:lnTo>
                  <a:lnTo>
                    <a:pt x="1213" y="2275"/>
                  </a:lnTo>
                  <a:lnTo>
                    <a:pt x="1225" y="2290"/>
                  </a:lnTo>
                  <a:lnTo>
                    <a:pt x="1238" y="2304"/>
                  </a:lnTo>
                  <a:lnTo>
                    <a:pt x="1253" y="2317"/>
                  </a:lnTo>
                  <a:lnTo>
                    <a:pt x="1268" y="2329"/>
                  </a:lnTo>
                  <a:lnTo>
                    <a:pt x="1286" y="2339"/>
                  </a:lnTo>
                  <a:lnTo>
                    <a:pt x="1305" y="2348"/>
                  </a:lnTo>
                  <a:lnTo>
                    <a:pt x="1325" y="2357"/>
                  </a:lnTo>
                  <a:lnTo>
                    <a:pt x="1346" y="2363"/>
                  </a:lnTo>
                  <a:lnTo>
                    <a:pt x="1368" y="2368"/>
                  </a:lnTo>
                  <a:lnTo>
                    <a:pt x="1390" y="2371"/>
                  </a:lnTo>
                  <a:lnTo>
                    <a:pt x="1414" y="2371"/>
                  </a:lnTo>
                  <a:lnTo>
                    <a:pt x="1414" y="2371"/>
                  </a:lnTo>
                  <a:lnTo>
                    <a:pt x="1438" y="2371"/>
                  </a:lnTo>
                  <a:lnTo>
                    <a:pt x="1461" y="2368"/>
                  </a:lnTo>
                  <a:lnTo>
                    <a:pt x="1483" y="2363"/>
                  </a:lnTo>
                  <a:lnTo>
                    <a:pt x="1504" y="2357"/>
                  </a:lnTo>
                  <a:lnTo>
                    <a:pt x="1523" y="2348"/>
                  </a:lnTo>
                  <a:lnTo>
                    <a:pt x="1543" y="2339"/>
                  </a:lnTo>
                  <a:lnTo>
                    <a:pt x="1561" y="2329"/>
                  </a:lnTo>
                  <a:lnTo>
                    <a:pt x="1577" y="2317"/>
                  </a:lnTo>
                  <a:lnTo>
                    <a:pt x="1591" y="2304"/>
                  </a:lnTo>
                  <a:lnTo>
                    <a:pt x="1604" y="2290"/>
                  </a:lnTo>
                  <a:lnTo>
                    <a:pt x="1616" y="2275"/>
                  </a:lnTo>
                  <a:lnTo>
                    <a:pt x="1625" y="2259"/>
                  </a:lnTo>
                  <a:lnTo>
                    <a:pt x="1634" y="2242"/>
                  </a:lnTo>
                  <a:lnTo>
                    <a:pt x="1639" y="2224"/>
                  </a:lnTo>
                  <a:lnTo>
                    <a:pt x="1643" y="2206"/>
                  </a:lnTo>
                  <a:lnTo>
                    <a:pt x="1645" y="2187"/>
                  </a:lnTo>
                  <a:lnTo>
                    <a:pt x="1645" y="2187"/>
                  </a:lnTo>
                  <a:lnTo>
                    <a:pt x="1643" y="2171"/>
                  </a:lnTo>
                  <a:lnTo>
                    <a:pt x="1640" y="2156"/>
                  </a:lnTo>
                  <a:lnTo>
                    <a:pt x="1637" y="2141"/>
                  </a:lnTo>
                  <a:lnTo>
                    <a:pt x="1631" y="2129"/>
                  </a:lnTo>
                  <a:lnTo>
                    <a:pt x="1625" y="2117"/>
                  </a:lnTo>
                  <a:lnTo>
                    <a:pt x="1619" y="2106"/>
                  </a:lnTo>
                  <a:lnTo>
                    <a:pt x="1612" y="2097"/>
                  </a:lnTo>
                  <a:lnTo>
                    <a:pt x="1604" y="2088"/>
                  </a:lnTo>
                  <a:lnTo>
                    <a:pt x="1589" y="2075"/>
                  </a:lnTo>
                  <a:lnTo>
                    <a:pt x="1576" y="2064"/>
                  </a:lnTo>
                  <a:lnTo>
                    <a:pt x="1564" y="2057"/>
                  </a:lnTo>
                  <a:lnTo>
                    <a:pt x="1564" y="2057"/>
                  </a:lnTo>
                  <a:lnTo>
                    <a:pt x="1553" y="2052"/>
                  </a:lnTo>
                  <a:lnTo>
                    <a:pt x="1544" y="2046"/>
                  </a:lnTo>
                  <a:lnTo>
                    <a:pt x="1537" y="2039"/>
                  </a:lnTo>
                  <a:lnTo>
                    <a:pt x="1531" y="2033"/>
                  </a:lnTo>
                  <a:lnTo>
                    <a:pt x="1526" y="2026"/>
                  </a:lnTo>
                  <a:lnTo>
                    <a:pt x="1523" y="2020"/>
                  </a:lnTo>
                  <a:lnTo>
                    <a:pt x="1522" y="2012"/>
                  </a:lnTo>
                  <a:lnTo>
                    <a:pt x="1522" y="2006"/>
                  </a:lnTo>
                  <a:lnTo>
                    <a:pt x="1523" y="2000"/>
                  </a:lnTo>
                  <a:lnTo>
                    <a:pt x="1526" y="1994"/>
                  </a:lnTo>
                  <a:lnTo>
                    <a:pt x="1531" y="1990"/>
                  </a:lnTo>
                  <a:lnTo>
                    <a:pt x="1537" y="1985"/>
                  </a:lnTo>
                  <a:lnTo>
                    <a:pt x="1544" y="1981"/>
                  </a:lnTo>
                  <a:lnTo>
                    <a:pt x="1553" y="1978"/>
                  </a:lnTo>
                  <a:lnTo>
                    <a:pt x="1564" y="1976"/>
                  </a:lnTo>
                  <a:lnTo>
                    <a:pt x="1576" y="1976"/>
                  </a:lnTo>
                  <a:lnTo>
                    <a:pt x="2377" y="1976"/>
                  </a:lnTo>
                  <a:lnTo>
                    <a:pt x="2377" y="1138"/>
                  </a:lnTo>
                  <a:lnTo>
                    <a:pt x="2377" y="1138"/>
                  </a:lnTo>
                  <a:lnTo>
                    <a:pt x="2370" y="1130"/>
                  </a:lnTo>
                  <a:lnTo>
                    <a:pt x="2362" y="1126"/>
                  </a:lnTo>
                  <a:lnTo>
                    <a:pt x="2353" y="1124"/>
                  </a:lnTo>
                  <a:lnTo>
                    <a:pt x="2343" y="1127"/>
                  </a:lnTo>
                  <a:lnTo>
                    <a:pt x="2334" y="1132"/>
                  </a:lnTo>
                  <a:lnTo>
                    <a:pt x="2323" y="1139"/>
                  </a:lnTo>
                  <a:lnTo>
                    <a:pt x="2314" y="1151"/>
                  </a:lnTo>
                  <a:lnTo>
                    <a:pt x="2305" y="1166"/>
                  </a:lnTo>
                  <a:lnTo>
                    <a:pt x="2305" y="1166"/>
                  </a:lnTo>
                  <a:lnTo>
                    <a:pt x="2298" y="1178"/>
                  </a:lnTo>
                  <a:lnTo>
                    <a:pt x="2289" y="1191"/>
                  </a:lnTo>
                  <a:lnTo>
                    <a:pt x="2275" y="1206"/>
                  </a:lnTo>
                  <a:lnTo>
                    <a:pt x="2266" y="1214"/>
                  </a:lnTo>
                  <a:lnTo>
                    <a:pt x="2257" y="1220"/>
                  </a:lnTo>
                  <a:lnTo>
                    <a:pt x="2247" y="1227"/>
                  </a:lnTo>
                  <a:lnTo>
                    <a:pt x="2235" y="1233"/>
                  </a:lnTo>
                  <a:lnTo>
                    <a:pt x="2222" y="1239"/>
                  </a:lnTo>
                  <a:lnTo>
                    <a:pt x="2208" y="1242"/>
                  </a:lnTo>
                  <a:lnTo>
                    <a:pt x="2193" y="1245"/>
                  </a:lnTo>
                  <a:lnTo>
                    <a:pt x="2177" y="1245"/>
                  </a:lnTo>
                  <a:lnTo>
                    <a:pt x="2177" y="1245"/>
                  </a:lnTo>
                  <a:lnTo>
                    <a:pt x="2157" y="1245"/>
                  </a:lnTo>
                  <a:lnTo>
                    <a:pt x="2139" y="1241"/>
                  </a:lnTo>
                  <a:lnTo>
                    <a:pt x="2121" y="1236"/>
                  </a:lnTo>
                  <a:lnTo>
                    <a:pt x="2105" y="1227"/>
                  </a:lnTo>
                  <a:lnTo>
                    <a:pt x="2089" y="1218"/>
                  </a:lnTo>
                  <a:lnTo>
                    <a:pt x="2074" y="1206"/>
                  </a:lnTo>
                  <a:lnTo>
                    <a:pt x="2060" y="1193"/>
                  </a:lnTo>
                  <a:lnTo>
                    <a:pt x="2047" y="1179"/>
                  </a:lnTo>
                  <a:lnTo>
                    <a:pt x="2035" y="1163"/>
                  </a:lnTo>
                  <a:lnTo>
                    <a:pt x="2024" y="1145"/>
                  </a:lnTo>
                  <a:lnTo>
                    <a:pt x="2015" y="1126"/>
                  </a:lnTo>
                  <a:lnTo>
                    <a:pt x="2006" y="1106"/>
                  </a:lnTo>
                  <a:lnTo>
                    <a:pt x="2000" y="1085"/>
                  </a:lnTo>
                  <a:lnTo>
                    <a:pt x="1996" y="1063"/>
                  </a:lnTo>
                  <a:lnTo>
                    <a:pt x="1993" y="1040"/>
                  </a:lnTo>
                  <a:lnTo>
                    <a:pt x="1993" y="1016"/>
                  </a:lnTo>
                  <a:lnTo>
                    <a:pt x="1993" y="1016"/>
                  </a:lnTo>
                  <a:lnTo>
                    <a:pt x="1993" y="993"/>
                  </a:lnTo>
                  <a:lnTo>
                    <a:pt x="1996" y="970"/>
                  </a:lnTo>
                  <a:lnTo>
                    <a:pt x="2000" y="948"/>
                  </a:lnTo>
                  <a:lnTo>
                    <a:pt x="2006" y="927"/>
                  </a:lnTo>
                  <a:lnTo>
                    <a:pt x="2015" y="907"/>
                  </a:lnTo>
                  <a:lnTo>
                    <a:pt x="2024" y="888"/>
                  </a:lnTo>
                  <a:lnTo>
                    <a:pt x="2035" y="870"/>
                  </a:lnTo>
                  <a:lnTo>
                    <a:pt x="2047" y="855"/>
                  </a:lnTo>
                  <a:lnTo>
                    <a:pt x="2060" y="840"/>
                  </a:lnTo>
                  <a:lnTo>
                    <a:pt x="2074" y="827"/>
                  </a:lnTo>
                  <a:lnTo>
                    <a:pt x="2089" y="815"/>
                  </a:lnTo>
                  <a:lnTo>
                    <a:pt x="2105" y="806"/>
                  </a:lnTo>
                  <a:lnTo>
                    <a:pt x="2121" y="797"/>
                  </a:lnTo>
                  <a:lnTo>
                    <a:pt x="2139" y="792"/>
                  </a:lnTo>
                  <a:lnTo>
                    <a:pt x="2157" y="788"/>
                  </a:lnTo>
                  <a:lnTo>
                    <a:pt x="2177" y="788"/>
                  </a:lnTo>
                  <a:lnTo>
                    <a:pt x="2177" y="788"/>
                  </a:lnTo>
                  <a:close/>
                </a:path>
              </a:pathLst>
            </a:custGeom>
            <a:solidFill>
              <a:schemeClr val="bg1">
                <a:lumMod val="75000"/>
              </a:schemeClr>
            </a:solidFill>
            <a:ln w="28575">
              <a:solidFill>
                <a:schemeClr val="bg1">
                  <a:lumMod val="50000"/>
                </a:schemeClr>
              </a:solidFill>
              <a:prstDash val="solid"/>
              <a:round/>
              <a:headEnd/>
              <a:tailEnd/>
            </a:ln>
          </p:spPr>
          <p:txBody>
            <a:bodyPr bIns="360000" anchor="ctr"/>
            <a:lstStyle/>
            <a:p>
              <a:pPr algn="ctr" eaLnBrk="1" hangingPunct="1">
                <a:defRPr/>
              </a:pPr>
              <a:r>
                <a:rPr lang="en-US" dirty="0" err="1">
                  <a:cs typeface="Arial" charset="0"/>
                </a:rPr>
                <a:t>eLTSS</a:t>
              </a:r>
              <a:endParaRPr lang="en-US" dirty="0">
                <a:cs typeface="Arial" charset="0"/>
              </a:endParaRPr>
            </a:p>
            <a:p>
              <a:pPr algn="ctr" eaLnBrk="1" hangingPunct="1">
                <a:defRPr/>
              </a:pPr>
              <a:r>
                <a:rPr lang="en-US" dirty="0">
                  <a:cs typeface="Arial" charset="0"/>
                </a:rPr>
                <a:t>Project</a:t>
              </a:r>
              <a:endParaRPr lang="en-GB" dirty="0">
                <a:cs typeface="Arial" charset="0"/>
              </a:endParaRPr>
            </a:p>
          </p:txBody>
        </p:sp>
        <p:sp>
          <p:nvSpPr>
            <p:cNvPr id="26" name="Freeform 9">
              <a:extLst>
                <a:ext uri="{FF2B5EF4-FFF2-40B4-BE49-F238E27FC236}">
                  <a16:creationId xmlns:a16="http://schemas.microsoft.com/office/drawing/2014/main" id="{DB2B9F0E-D7EC-714A-B751-F63FDD67DD3C}"/>
                </a:ext>
              </a:extLst>
            </p:cNvPr>
            <p:cNvSpPr>
              <a:spLocks/>
            </p:cNvSpPr>
            <p:nvPr/>
          </p:nvSpPr>
          <p:spPr bwMode="auto">
            <a:xfrm>
              <a:off x="4520408"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tx2">
                <a:lumMod val="40000"/>
                <a:lumOff val="6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CKD</a:t>
              </a:r>
              <a:endParaRPr lang="en-GB" dirty="0">
                <a:cs typeface="Arial" charset="0"/>
              </a:endParaRPr>
            </a:p>
          </p:txBody>
        </p:sp>
        <p:sp>
          <p:nvSpPr>
            <p:cNvPr id="27" name="Freeform 7">
              <a:extLst>
                <a:ext uri="{FF2B5EF4-FFF2-40B4-BE49-F238E27FC236}">
                  <a16:creationId xmlns:a16="http://schemas.microsoft.com/office/drawing/2014/main" id="{51BB8AC8-5839-D540-AE51-83A5B18453C9}"/>
                </a:ext>
              </a:extLst>
            </p:cNvPr>
            <p:cNvSpPr>
              <a:spLocks/>
            </p:cNvSpPr>
            <p:nvPr/>
          </p:nvSpPr>
          <p:spPr bwMode="auto">
            <a:xfrm>
              <a:off x="3255016"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bg1">
                <a:lumMod val="75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Sync for </a:t>
              </a:r>
            </a:p>
            <a:p>
              <a:pPr algn="ctr" eaLnBrk="1" hangingPunct="1">
                <a:defRPr/>
              </a:pPr>
              <a:r>
                <a:rPr lang="en-US" dirty="0">
                  <a:cs typeface="Arial" charset="0"/>
                </a:rPr>
                <a:t>Science</a:t>
              </a:r>
              <a:endParaRPr lang="en-GB" dirty="0">
                <a:cs typeface="Arial" charset="0"/>
              </a:endParaRPr>
            </a:p>
          </p:txBody>
        </p:sp>
        <p:sp>
          <p:nvSpPr>
            <p:cNvPr id="34" name="Freeform 9">
              <a:extLst>
                <a:ext uri="{FF2B5EF4-FFF2-40B4-BE49-F238E27FC236}">
                  <a16:creationId xmlns:a16="http://schemas.microsoft.com/office/drawing/2014/main" id="{63A71B87-34BA-3C4B-9732-4C0FEF67745B}"/>
                </a:ext>
              </a:extLst>
            </p:cNvPr>
            <p:cNvSpPr>
              <a:spLocks/>
            </p:cNvSpPr>
            <p:nvPr/>
          </p:nvSpPr>
          <p:spPr bwMode="auto">
            <a:xfrm>
              <a:off x="2934342"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accent4">
                <a:lumMod val="60000"/>
                <a:lumOff val="4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IHD, CHF, </a:t>
              </a:r>
            </a:p>
            <a:p>
              <a:pPr algn="ctr" eaLnBrk="1" hangingPunct="1">
                <a:defRPr/>
              </a:pPr>
              <a:r>
                <a:rPr lang="en-US" dirty="0">
                  <a:cs typeface="Arial" charset="0"/>
                </a:rPr>
                <a:t>HTN</a:t>
              </a:r>
              <a:endParaRPr lang="en-GB" dirty="0">
                <a:cs typeface="Arial" charset="0"/>
              </a:endParaRPr>
            </a:p>
          </p:txBody>
        </p:sp>
      </p:grpSp>
    </p:spTree>
    <p:extLst>
      <p:ext uri="{BB962C8B-B14F-4D97-AF65-F5344CB8AC3E}">
        <p14:creationId xmlns:p14="http://schemas.microsoft.com/office/powerpoint/2010/main" val="72753209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EABA9005-C55B-7841-A1E9-A614B937CD73}"/>
              </a:ext>
            </a:extLst>
          </p:cNvPr>
          <p:cNvSpPr/>
          <p:nvPr/>
        </p:nvSpPr>
        <p:spPr>
          <a:xfrm>
            <a:off x="8403021" y="5360276"/>
            <a:ext cx="3788979" cy="14977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EABF7EA-EC17-574E-B89E-73EA19A71FB5}"/>
              </a:ext>
            </a:extLst>
          </p:cNvPr>
          <p:cNvSpPr>
            <a:spLocks noGrp="1"/>
          </p:cNvSpPr>
          <p:nvPr>
            <p:ph type="title"/>
          </p:nvPr>
        </p:nvSpPr>
        <p:spPr/>
        <p:txBody>
          <a:bodyPr>
            <a:normAutofit fontScale="90000"/>
          </a:bodyPr>
          <a:lstStyle/>
          <a:p>
            <a:r>
              <a:rPr lang="en-US" dirty="0"/>
              <a:t>Expand e-care plan data elements &amp; standards: </a:t>
            </a:r>
            <a:br>
              <a:rPr lang="en-US" dirty="0"/>
            </a:br>
            <a:r>
              <a:rPr lang="en-US" dirty="0"/>
              <a:t>…beyond the work we are doing at NIDDK</a:t>
            </a:r>
          </a:p>
        </p:txBody>
      </p:sp>
      <p:grpSp>
        <p:nvGrpSpPr>
          <p:cNvPr id="3" name="Group 2">
            <a:extLst>
              <a:ext uri="{FF2B5EF4-FFF2-40B4-BE49-F238E27FC236}">
                <a16:creationId xmlns:a16="http://schemas.microsoft.com/office/drawing/2014/main" id="{B8C14FA6-C85D-BF41-8683-E87A372487A8}"/>
              </a:ext>
            </a:extLst>
          </p:cNvPr>
          <p:cNvGrpSpPr/>
          <p:nvPr/>
        </p:nvGrpSpPr>
        <p:grpSpPr>
          <a:xfrm>
            <a:off x="2147036" y="1656584"/>
            <a:ext cx="7897928" cy="4710112"/>
            <a:chOff x="1657235" y="1656584"/>
            <a:chExt cx="7897928" cy="4710112"/>
          </a:xfrm>
        </p:grpSpPr>
        <p:sp>
          <p:nvSpPr>
            <p:cNvPr id="12" name="Freeform 5">
              <a:extLst>
                <a:ext uri="{FF2B5EF4-FFF2-40B4-BE49-F238E27FC236}">
                  <a16:creationId xmlns:a16="http://schemas.microsoft.com/office/drawing/2014/main" id="{5B11544A-8CBD-584D-B56E-532B70054DC1}"/>
                </a:ext>
              </a:extLst>
            </p:cNvPr>
            <p:cNvSpPr>
              <a:spLocks/>
            </p:cNvSpPr>
            <p:nvPr/>
          </p:nvSpPr>
          <p:spPr bwMode="auto">
            <a:xfrm>
              <a:off x="1657235" y="3223446"/>
              <a:ext cx="1571625" cy="1887538"/>
            </a:xfrm>
            <a:custGeom>
              <a:avLst/>
              <a:gdLst>
                <a:gd name="T0" fmla="*/ 1810 w 1979"/>
                <a:gd name="T1" fmla="*/ 795 h 2378"/>
                <a:gd name="T2" fmla="*/ 1859 w 1979"/>
                <a:gd name="T3" fmla="*/ 816 h 2378"/>
                <a:gd name="T4" fmla="*/ 1901 w 1979"/>
                <a:gd name="T5" fmla="*/ 859 h 2378"/>
                <a:gd name="T6" fmla="*/ 1925 w 1979"/>
                <a:gd name="T7" fmla="*/ 897 h 2378"/>
                <a:gd name="T8" fmla="*/ 1964 w 1979"/>
                <a:gd name="T9" fmla="*/ 912 h 2378"/>
                <a:gd name="T10" fmla="*/ 1131 w 1979"/>
                <a:gd name="T11" fmla="*/ 0 h 2378"/>
                <a:gd name="T12" fmla="*/ 1125 w 1979"/>
                <a:gd name="T13" fmla="*/ 24 h 2378"/>
                <a:gd name="T14" fmla="*/ 1152 w 1979"/>
                <a:gd name="T15" fmla="*/ 58 h 2378"/>
                <a:gd name="T16" fmla="*/ 1191 w 1979"/>
                <a:gd name="T17" fmla="*/ 82 h 2378"/>
                <a:gd name="T18" fmla="*/ 1229 w 1979"/>
                <a:gd name="T19" fmla="*/ 125 h 2378"/>
                <a:gd name="T20" fmla="*/ 1245 w 1979"/>
                <a:gd name="T21" fmla="*/ 178 h 2378"/>
                <a:gd name="T22" fmla="*/ 1242 w 1979"/>
                <a:gd name="T23" fmla="*/ 231 h 2378"/>
                <a:gd name="T24" fmla="*/ 1208 w 1979"/>
                <a:gd name="T25" fmla="*/ 297 h 2378"/>
                <a:gd name="T26" fmla="*/ 1145 w 1979"/>
                <a:gd name="T27" fmla="*/ 348 h 2378"/>
                <a:gd name="T28" fmla="*/ 1063 w 1979"/>
                <a:gd name="T29" fmla="*/ 375 h 2378"/>
                <a:gd name="T30" fmla="*/ 994 w 1979"/>
                <a:gd name="T31" fmla="*/ 378 h 2378"/>
                <a:gd name="T32" fmla="*/ 907 w 1979"/>
                <a:gd name="T33" fmla="*/ 357 h 2378"/>
                <a:gd name="T34" fmla="*/ 840 w 1979"/>
                <a:gd name="T35" fmla="*/ 312 h 2378"/>
                <a:gd name="T36" fmla="*/ 798 w 1979"/>
                <a:gd name="T37" fmla="*/ 249 h 2378"/>
                <a:gd name="T38" fmla="*/ 788 w 1979"/>
                <a:gd name="T39" fmla="*/ 194 h 2378"/>
                <a:gd name="T40" fmla="*/ 800 w 1979"/>
                <a:gd name="T41" fmla="*/ 136 h 2378"/>
                <a:gd name="T42" fmla="*/ 828 w 1979"/>
                <a:gd name="T43" fmla="*/ 95 h 2378"/>
                <a:gd name="T44" fmla="*/ 868 w 1979"/>
                <a:gd name="T45" fmla="*/ 65 h 2378"/>
                <a:gd name="T46" fmla="*/ 906 w 1979"/>
                <a:gd name="T47" fmla="*/ 33 h 2378"/>
                <a:gd name="T48" fmla="*/ 903 w 1979"/>
                <a:gd name="T49" fmla="*/ 0 h 2378"/>
                <a:gd name="T50" fmla="*/ 856 w 1979"/>
                <a:gd name="T51" fmla="*/ 1982 h 2378"/>
                <a:gd name="T52" fmla="*/ 894 w 1979"/>
                <a:gd name="T53" fmla="*/ 1991 h 2378"/>
                <a:gd name="T54" fmla="*/ 909 w 1979"/>
                <a:gd name="T55" fmla="*/ 2013 h 2378"/>
                <a:gd name="T56" fmla="*/ 900 w 1979"/>
                <a:gd name="T57" fmla="*/ 2039 h 2378"/>
                <a:gd name="T58" fmla="*/ 868 w 1979"/>
                <a:gd name="T59" fmla="*/ 2064 h 2378"/>
                <a:gd name="T60" fmla="*/ 828 w 1979"/>
                <a:gd name="T61" fmla="*/ 2095 h 2378"/>
                <a:gd name="T62" fmla="*/ 800 w 1979"/>
                <a:gd name="T63" fmla="*/ 2134 h 2378"/>
                <a:gd name="T64" fmla="*/ 788 w 1979"/>
                <a:gd name="T65" fmla="*/ 2193 h 2378"/>
                <a:gd name="T66" fmla="*/ 798 w 1979"/>
                <a:gd name="T67" fmla="*/ 2248 h 2378"/>
                <a:gd name="T68" fmla="*/ 840 w 1979"/>
                <a:gd name="T69" fmla="*/ 2311 h 2378"/>
                <a:gd name="T70" fmla="*/ 907 w 1979"/>
                <a:gd name="T71" fmla="*/ 2356 h 2378"/>
                <a:gd name="T72" fmla="*/ 994 w 1979"/>
                <a:gd name="T73" fmla="*/ 2376 h 2378"/>
                <a:gd name="T74" fmla="*/ 1063 w 1979"/>
                <a:gd name="T75" fmla="*/ 2374 h 2378"/>
                <a:gd name="T76" fmla="*/ 1145 w 1979"/>
                <a:gd name="T77" fmla="*/ 2347 h 2378"/>
                <a:gd name="T78" fmla="*/ 1206 w 1979"/>
                <a:gd name="T79" fmla="*/ 2296 h 2378"/>
                <a:gd name="T80" fmla="*/ 1242 w 1979"/>
                <a:gd name="T81" fmla="*/ 2230 h 2378"/>
                <a:gd name="T82" fmla="*/ 1245 w 1979"/>
                <a:gd name="T83" fmla="*/ 2178 h 2378"/>
                <a:gd name="T84" fmla="*/ 1227 w 1979"/>
                <a:gd name="T85" fmla="*/ 2124 h 2378"/>
                <a:gd name="T86" fmla="*/ 1191 w 1979"/>
                <a:gd name="T87" fmla="*/ 2081 h 2378"/>
                <a:gd name="T88" fmla="*/ 1155 w 1979"/>
                <a:gd name="T89" fmla="*/ 2058 h 2378"/>
                <a:gd name="T90" fmla="*/ 1128 w 1979"/>
                <a:gd name="T91" fmla="*/ 2033 h 2378"/>
                <a:gd name="T92" fmla="*/ 1127 w 1979"/>
                <a:gd name="T93" fmla="*/ 2006 h 2378"/>
                <a:gd name="T94" fmla="*/ 1146 w 1979"/>
                <a:gd name="T95" fmla="*/ 1988 h 2378"/>
                <a:gd name="T96" fmla="*/ 1979 w 1979"/>
                <a:gd name="T97" fmla="*/ 1982 h 2378"/>
                <a:gd name="T98" fmla="*/ 1964 w 1979"/>
                <a:gd name="T99" fmla="*/ 1130 h 2378"/>
                <a:gd name="T100" fmla="*/ 1925 w 1979"/>
                <a:gd name="T101" fmla="*/ 1143 h 2378"/>
                <a:gd name="T102" fmla="*/ 1901 w 1979"/>
                <a:gd name="T103" fmla="*/ 1182 h 2378"/>
                <a:gd name="T104" fmla="*/ 1859 w 1979"/>
                <a:gd name="T105" fmla="*/ 1224 h 2378"/>
                <a:gd name="T106" fmla="*/ 1810 w 1979"/>
                <a:gd name="T107" fmla="*/ 1246 h 2378"/>
                <a:gd name="T108" fmla="*/ 1759 w 1979"/>
                <a:gd name="T109" fmla="*/ 1248 h 2378"/>
                <a:gd name="T110" fmla="*/ 1690 w 1979"/>
                <a:gd name="T111" fmla="*/ 1222 h 2378"/>
                <a:gd name="T112" fmla="*/ 1637 w 1979"/>
                <a:gd name="T113" fmla="*/ 1166 h 2378"/>
                <a:gd name="T114" fmla="*/ 1602 w 1979"/>
                <a:gd name="T115" fmla="*/ 1088 h 2378"/>
                <a:gd name="T116" fmla="*/ 1595 w 1979"/>
                <a:gd name="T117" fmla="*/ 1021 h 2378"/>
                <a:gd name="T118" fmla="*/ 1610 w 1979"/>
                <a:gd name="T119" fmla="*/ 931 h 2378"/>
                <a:gd name="T120" fmla="*/ 1649 w 1979"/>
                <a:gd name="T121" fmla="*/ 858 h 2378"/>
                <a:gd name="T122" fmla="*/ 1707 w 1979"/>
                <a:gd name="T123" fmla="*/ 808 h 2378"/>
                <a:gd name="T124" fmla="*/ 1779 w 1979"/>
                <a:gd name="T125" fmla="*/ 790 h 23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79" h="2378">
                  <a:moveTo>
                    <a:pt x="1779" y="790"/>
                  </a:moveTo>
                  <a:lnTo>
                    <a:pt x="1779" y="790"/>
                  </a:lnTo>
                  <a:lnTo>
                    <a:pt x="1795" y="792"/>
                  </a:lnTo>
                  <a:lnTo>
                    <a:pt x="1810" y="795"/>
                  </a:lnTo>
                  <a:lnTo>
                    <a:pt x="1825" y="798"/>
                  </a:lnTo>
                  <a:lnTo>
                    <a:pt x="1837" y="804"/>
                  </a:lnTo>
                  <a:lnTo>
                    <a:pt x="1849" y="810"/>
                  </a:lnTo>
                  <a:lnTo>
                    <a:pt x="1859" y="816"/>
                  </a:lnTo>
                  <a:lnTo>
                    <a:pt x="1868" y="823"/>
                  </a:lnTo>
                  <a:lnTo>
                    <a:pt x="1877" y="831"/>
                  </a:lnTo>
                  <a:lnTo>
                    <a:pt x="1891" y="846"/>
                  </a:lnTo>
                  <a:lnTo>
                    <a:pt x="1901" y="859"/>
                  </a:lnTo>
                  <a:lnTo>
                    <a:pt x="1909" y="871"/>
                  </a:lnTo>
                  <a:lnTo>
                    <a:pt x="1909" y="871"/>
                  </a:lnTo>
                  <a:lnTo>
                    <a:pt x="1916" y="886"/>
                  </a:lnTo>
                  <a:lnTo>
                    <a:pt x="1925" y="897"/>
                  </a:lnTo>
                  <a:lnTo>
                    <a:pt x="1936" y="906"/>
                  </a:lnTo>
                  <a:lnTo>
                    <a:pt x="1945" y="910"/>
                  </a:lnTo>
                  <a:lnTo>
                    <a:pt x="1955" y="913"/>
                  </a:lnTo>
                  <a:lnTo>
                    <a:pt x="1964" y="912"/>
                  </a:lnTo>
                  <a:lnTo>
                    <a:pt x="1972" y="907"/>
                  </a:lnTo>
                  <a:lnTo>
                    <a:pt x="1979" y="900"/>
                  </a:lnTo>
                  <a:lnTo>
                    <a:pt x="1979" y="0"/>
                  </a:lnTo>
                  <a:lnTo>
                    <a:pt x="1131" y="0"/>
                  </a:lnTo>
                  <a:lnTo>
                    <a:pt x="1131" y="0"/>
                  </a:lnTo>
                  <a:lnTo>
                    <a:pt x="1127" y="7"/>
                  </a:lnTo>
                  <a:lnTo>
                    <a:pt x="1125" y="15"/>
                  </a:lnTo>
                  <a:lnTo>
                    <a:pt x="1125" y="24"/>
                  </a:lnTo>
                  <a:lnTo>
                    <a:pt x="1128" y="33"/>
                  </a:lnTo>
                  <a:lnTo>
                    <a:pt x="1134" y="42"/>
                  </a:lnTo>
                  <a:lnTo>
                    <a:pt x="1142" y="50"/>
                  </a:lnTo>
                  <a:lnTo>
                    <a:pt x="1152" y="58"/>
                  </a:lnTo>
                  <a:lnTo>
                    <a:pt x="1166" y="65"/>
                  </a:lnTo>
                  <a:lnTo>
                    <a:pt x="1166" y="65"/>
                  </a:lnTo>
                  <a:lnTo>
                    <a:pt x="1179" y="73"/>
                  </a:lnTo>
                  <a:lnTo>
                    <a:pt x="1191" y="82"/>
                  </a:lnTo>
                  <a:lnTo>
                    <a:pt x="1206" y="95"/>
                  </a:lnTo>
                  <a:lnTo>
                    <a:pt x="1214" y="104"/>
                  </a:lnTo>
                  <a:lnTo>
                    <a:pt x="1221" y="113"/>
                  </a:lnTo>
                  <a:lnTo>
                    <a:pt x="1229" y="125"/>
                  </a:lnTo>
                  <a:lnTo>
                    <a:pt x="1235" y="136"/>
                  </a:lnTo>
                  <a:lnTo>
                    <a:pt x="1239" y="149"/>
                  </a:lnTo>
                  <a:lnTo>
                    <a:pt x="1244" y="163"/>
                  </a:lnTo>
                  <a:lnTo>
                    <a:pt x="1245" y="178"/>
                  </a:lnTo>
                  <a:lnTo>
                    <a:pt x="1247" y="194"/>
                  </a:lnTo>
                  <a:lnTo>
                    <a:pt x="1247" y="194"/>
                  </a:lnTo>
                  <a:lnTo>
                    <a:pt x="1245" y="213"/>
                  </a:lnTo>
                  <a:lnTo>
                    <a:pt x="1242" y="231"/>
                  </a:lnTo>
                  <a:lnTo>
                    <a:pt x="1236" y="249"/>
                  </a:lnTo>
                  <a:lnTo>
                    <a:pt x="1229" y="266"/>
                  </a:lnTo>
                  <a:lnTo>
                    <a:pt x="1218" y="282"/>
                  </a:lnTo>
                  <a:lnTo>
                    <a:pt x="1208" y="297"/>
                  </a:lnTo>
                  <a:lnTo>
                    <a:pt x="1194" y="312"/>
                  </a:lnTo>
                  <a:lnTo>
                    <a:pt x="1179" y="326"/>
                  </a:lnTo>
                  <a:lnTo>
                    <a:pt x="1163" y="336"/>
                  </a:lnTo>
                  <a:lnTo>
                    <a:pt x="1145" y="348"/>
                  </a:lnTo>
                  <a:lnTo>
                    <a:pt x="1127" y="357"/>
                  </a:lnTo>
                  <a:lnTo>
                    <a:pt x="1106" y="364"/>
                  </a:lnTo>
                  <a:lnTo>
                    <a:pt x="1085" y="370"/>
                  </a:lnTo>
                  <a:lnTo>
                    <a:pt x="1063" y="375"/>
                  </a:lnTo>
                  <a:lnTo>
                    <a:pt x="1040" y="378"/>
                  </a:lnTo>
                  <a:lnTo>
                    <a:pt x="1018" y="379"/>
                  </a:lnTo>
                  <a:lnTo>
                    <a:pt x="1018" y="379"/>
                  </a:lnTo>
                  <a:lnTo>
                    <a:pt x="994" y="378"/>
                  </a:lnTo>
                  <a:lnTo>
                    <a:pt x="972" y="375"/>
                  </a:lnTo>
                  <a:lnTo>
                    <a:pt x="949" y="370"/>
                  </a:lnTo>
                  <a:lnTo>
                    <a:pt x="928" y="364"/>
                  </a:lnTo>
                  <a:lnTo>
                    <a:pt x="907" y="357"/>
                  </a:lnTo>
                  <a:lnTo>
                    <a:pt x="889" y="348"/>
                  </a:lnTo>
                  <a:lnTo>
                    <a:pt x="871" y="336"/>
                  </a:lnTo>
                  <a:lnTo>
                    <a:pt x="855" y="326"/>
                  </a:lnTo>
                  <a:lnTo>
                    <a:pt x="840" y="312"/>
                  </a:lnTo>
                  <a:lnTo>
                    <a:pt x="827" y="297"/>
                  </a:lnTo>
                  <a:lnTo>
                    <a:pt x="816" y="282"/>
                  </a:lnTo>
                  <a:lnTo>
                    <a:pt x="806" y="266"/>
                  </a:lnTo>
                  <a:lnTo>
                    <a:pt x="798" y="249"/>
                  </a:lnTo>
                  <a:lnTo>
                    <a:pt x="792" y="231"/>
                  </a:lnTo>
                  <a:lnTo>
                    <a:pt x="789" y="213"/>
                  </a:lnTo>
                  <a:lnTo>
                    <a:pt x="788" y="194"/>
                  </a:lnTo>
                  <a:lnTo>
                    <a:pt x="788" y="194"/>
                  </a:lnTo>
                  <a:lnTo>
                    <a:pt x="789" y="178"/>
                  </a:lnTo>
                  <a:lnTo>
                    <a:pt x="791" y="163"/>
                  </a:lnTo>
                  <a:lnTo>
                    <a:pt x="795" y="149"/>
                  </a:lnTo>
                  <a:lnTo>
                    <a:pt x="800" y="136"/>
                  </a:lnTo>
                  <a:lnTo>
                    <a:pt x="807" y="125"/>
                  </a:lnTo>
                  <a:lnTo>
                    <a:pt x="813" y="113"/>
                  </a:lnTo>
                  <a:lnTo>
                    <a:pt x="821" y="104"/>
                  </a:lnTo>
                  <a:lnTo>
                    <a:pt x="828" y="95"/>
                  </a:lnTo>
                  <a:lnTo>
                    <a:pt x="843" y="82"/>
                  </a:lnTo>
                  <a:lnTo>
                    <a:pt x="855" y="73"/>
                  </a:lnTo>
                  <a:lnTo>
                    <a:pt x="868" y="65"/>
                  </a:lnTo>
                  <a:lnTo>
                    <a:pt x="868" y="65"/>
                  </a:lnTo>
                  <a:lnTo>
                    <a:pt x="882" y="58"/>
                  </a:lnTo>
                  <a:lnTo>
                    <a:pt x="892" y="50"/>
                  </a:lnTo>
                  <a:lnTo>
                    <a:pt x="900" y="42"/>
                  </a:lnTo>
                  <a:lnTo>
                    <a:pt x="906" y="33"/>
                  </a:lnTo>
                  <a:lnTo>
                    <a:pt x="909" y="24"/>
                  </a:lnTo>
                  <a:lnTo>
                    <a:pt x="909" y="15"/>
                  </a:lnTo>
                  <a:lnTo>
                    <a:pt x="907" y="7"/>
                  </a:lnTo>
                  <a:lnTo>
                    <a:pt x="903" y="0"/>
                  </a:lnTo>
                  <a:lnTo>
                    <a:pt x="0" y="0"/>
                  </a:lnTo>
                  <a:lnTo>
                    <a:pt x="0" y="1982"/>
                  </a:lnTo>
                  <a:lnTo>
                    <a:pt x="856" y="1982"/>
                  </a:lnTo>
                  <a:lnTo>
                    <a:pt x="856" y="1982"/>
                  </a:lnTo>
                  <a:lnTo>
                    <a:pt x="867" y="1983"/>
                  </a:lnTo>
                  <a:lnTo>
                    <a:pt x="877" y="1985"/>
                  </a:lnTo>
                  <a:lnTo>
                    <a:pt x="886" y="1988"/>
                  </a:lnTo>
                  <a:lnTo>
                    <a:pt x="894" y="1991"/>
                  </a:lnTo>
                  <a:lnTo>
                    <a:pt x="900" y="1995"/>
                  </a:lnTo>
                  <a:lnTo>
                    <a:pt x="904" y="2001"/>
                  </a:lnTo>
                  <a:lnTo>
                    <a:pt x="907" y="2006"/>
                  </a:lnTo>
                  <a:lnTo>
                    <a:pt x="909" y="2013"/>
                  </a:lnTo>
                  <a:lnTo>
                    <a:pt x="909" y="2019"/>
                  </a:lnTo>
                  <a:lnTo>
                    <a:pt x="907" y="2025"/>
                  </a:lnTo>
                  <a:lnTo>
                    <a:pt x="904" y="2033"/>
                  </a:lnTo>
                  <a:lnTo>
                    <a:pt x="900" y="2039"/>
                  </a:lnTo>
                  <a:lnTo>
                    <a:pt x="894" y="2046"/>
                  </a:lnTo>
                  <a:lnTo>
                    <a:pt x="886" y="2052"/>
                  </a:lnTo>
                  <a:lnTo>
                    <a:pt x="877" y="2058"/>
                  </a:lnTo>
                  <a:lnTo>
                    <a:pt x="868" y="2064"/>
                  </a:lnTo>
                  <a:lnTo>
                    <a:pt x="868" y="2064"/>
                  </a:lnTo>
                  <a:lnTo>
                    <a:pt x="855" y="2072"/>
                  </a:lnTo>
                  <a:lnTo>
                    <a:pt x="843" y="2081"/>
                  </a:lnTo>
                  <a:lnTo>
                    <a:pt x="828" y="2095"/>
                  </a:lnTo>
                  <a:lnTo>
                    <a:pt x="821" y="2103"/>
                  </a:lnTo>
                  <a:lnTo>
                    <a:pt x="813" y="2113"/>
                  </a:lnTo>
                  <a:lnTo>
                    <a:pt x="806" y="2124"/>
                  </a:lnTo>
                  <a:lnTo>
                    <a:pt x="800" y="2134"/>
                  </a:lnTo>
                  <a:lnTo>
                    <a:pt x="795" y="2148"/>
                  </a:lnTo>
                  <a:lnTo>
                    <a:pt x="791" y="2161"/>
                  </a:lnTo>
                  <a:lnTo>
                    <a:pt x="788" y="2178"/>
                  </a:lnTo>
                  <a:lnTo>
                    <a:pt x="788" y="2193"/>
                  </a:lnTo>
                  <a:lnTo>
                    <a:pt x="788" y="2193"/>
                  </a:lnTo>
                  <a:lnTo>
                    <a:pt x="789" y="2212"/>
                  </a:lnTo>
                  <a:lnTo>
                    <a:pt x="792" y="2230"/>
                  </a:lnTo>
                  <a:lnTo>
                    <a:pt x="798" y="2248"/>
                  </a:lnTo>
                  <a:lnTo>
                    <a:pt x="806" y="2264"/>
                  </a:lnTo>
                  <a:lnTo>
                    <a:pt x="815" y="2281"/>
                  </a:lnTo>
                  <a:lnTo>
                    <a:pt x="827" y="2296"/>
                  </a:lnTo>
                  <a:lnTo>
                    <a:pt x="840" y="2311"/>
                  </a:lnTo>
                  <a:lnTo>
                    <a:pt x="855" y="2324"/>
                  </a:lnTo>
                  <a:lnTo>
                    <a:pt x="871" y="2336"/>
                  </a:lnTo>
                  <a:lnTo>
                    <a:pt x="888" y="2347"/>
                  </a:lnTo>
                  <a:lnTo>
                    <a:pt x="907" y="2356"/>
                  </a:lnTo>
                  <a:lnTo>
                    <a:pt x="928" y="2363"/>
                  </a:lnTo>
                  <a:lnTo>
                    <a:pt x="949" y="2369"/>
                  </a:lnTo>
                  <a:lnTo>
                    <a:pt x="970" y="2374"/>
                  </a:lnTo>
                  <a:lnTo>
                    <a:pt x="994" y="2376"/>
                  </a:lnTo>
                  <a:lnTo>
                    <a:pt x="1016" y="2378"/>
                  </a:lnTo>
                  <a:lnTo>
                    <a:pt x="1016" y="2378"/>
                  </a:lnTo>
                  <a:lnTo>
                    <a:pt x="1040" y="2376"/>
                  </a:lnTo>
                  <a:lnTo>
                    <a:pt x="1063" y="2374"/>
                  </a:lnTo>
                  <a:lnTo>
                    <a:pt x="1085" y="2369"/>
                  </a:lnTo>
                  <a:lnTo>
                    <a:pt x="1106" y="2363"/>
                  </a:lnTo>
                  <a:lnTo>
                    <a:pt x="1125" y="2356"/>
                  </a:lnTo>
                  <a:lnTo>
                    <a:pt x="1145" y="2347"/>
                  </a:lnTo>
                  <a:lnTo>
                    <a:pt x="1163" y="2336"/>
                  </a:lnTo>
                  <a:lnTo>
                    <a:pt x="1179" y="2324"/>
                  </a:lnTo>
                  <a:lnTo>
                    <a:pt x="1194" y="2311"/>
                  </a:lnTo>
                  <a:lnTo>
                    <a:pt x="1206" y="2296"/>
                  </a:lnTo>
                  <a:lnTo>
                    <a:pt x="1218" y="2281"/>
                  </a:lnTo>
                  <a:lnTo>
                    <a:pt x="1229" y="2264"/>
                  </a:lnTo>
                  <a:lnTo>
                    <a:pt x="1236" y="2248"/>
                  </a:lnTo>
                  <a:lnTo>
                    <a:pt x="1242" y="2230"/>
                  </a:lnTo>
                  <a:lnTo>
                    <a:pt x="1245" y="2212"/>
                  </a:lnTo>
                  <a:lnTo>
                    <a:pt x="1247" y="2193"/>
                  </a:lnTo>
                  <a:lnTo>
                    <a:pt x="1247" y="2193"/>
                  </a:lnTo>
                  <a:lnTo>
                    <a:pt x="1245" y="2178"/>
                  </a:lnTo>
                  <a:lnTo>
                    <a:pt x="1242" y="2161"/>
                  </a:lnTo>
                  <a:lnTo>
                    <a:pt x="1239" y="2148"/>
                  </a:lnTo>
                  <a:lnTo>
                    <a:pt x="1233" y="2134"/>
                  </a:lnTo>
                  <a:lnTo>
                    <a:pt x="1227" y="2124"/>
                  </a:lnTo>
                  <a:lnTo>
                    <a:pt x="1221" y="2113"/>
                  </a:lnTo>
                  <a:lnTo>
                    <a:pt x="1214" y="2103"/>
                  </a:lnTo>
                  <a:lnTo>
                    <a:pt x="1206" y="2095"/>
                  </a:lnTo>
                  <a:lnTo>
                    <a:pt x="1191" y="2081"/>
                  </a:lnTo>
                  <a:lnTo>
                    <a:pt x="1178" y="2072"/>
                  </a:lnTo>
                  <a:lnTo>
                    <a:pt x="1166" y="2064"/>
                  </a:lnTo>
                  <a:lnTo>
                    <a:pt x="1166" y="2064"/>
                  </a:lnTo>
                  <a:lnTo>
                    <a:pt x="1155" y="2058"/>
                  </a:lnTo>
                  <a:lnTo>
                    <a:pt x="1146" y="2052"/>
                  </a:lnTo>
                  <a:lnTo>
                    <a:pt x="1139" y="2046"/>
                  </a:lnTo>
                  <a:lnTo>
                    <a:pt x="1133" y="2039"/>
                  </a:lnTo>
                  <a:lnTo>
                    <a:pt x="1128" y="2033"/>
                  </a:lnTo>
                  <a:lnTo>
                    <a:pt x="1125" y="2025"/>
                  </a:lnTo>
                  <a:lnTo>
                    <a:pt x="1125" y="2019"/>
                  </a:lnTo>
                  <a:lnTo>
                    <a:pt x="1125" y="2013"/>
                  </a:lnTo>
                  <a:lnTo>
                    <a:pt x="1127" y="2006"/>
                  </a:lnTo>
                  <a:lnTo>
                    <a:pt x="1130" y="2001"/>
                  </a:lnTo>
                  <a:lnTo>
                    <a:pt x="1134" y="1995"/>
                  </a:lnTo>
                  <a:lnTo>
                    <a:pt x="1140" y="1991"/>
                  </a:lnTo>
                  <a:lnTo>
                    <a:pt x="1146" y="1988"/>
                  </a:lnTo>
                  <a:lnTo>
                    <a:pt x="1155" y="1985"/>
                  </a:lnTo>
                  <a:lnTo>
                    <a:pt x="1166" y="1983"/>
                  </a:lnTo>
                  <a:lnTo>
                    <a:pt x="1178" y="1982"/>
                  </a:lnTo>
                  <a:lnTo>
                    <a:pt x="1979" y="1982"/>
                  </a:lnTo>
                  <a:lnTo>
                    <a:pt x="1979" y="1142"/>
                  </a:lnTo>
                  <a:lnTo>
                    <a:pt x="1979" y="1142"/>
                  </a:lnTo>
                  <a:lnTo>
                    <a:pt x="1972" y="1134"/>
                  </a:lnTo>
                  <a:lnTo>
                    <a:pt x="1964" y="1130"/>
                  </a:lnTo>
                  <a:lnTo>
                    <a:pt x="1955" y="1128"/>
                  </a:lnTo>
                  <a:lnTo>
                    <a:pt x="1945" y="1130"/>
                  </a:lnTo>
                  <a:lnTo>
                    <a:pt x="1936" y="1136"/>
                  </a:lnTo>
                  <a:lnTo>
                    <a:pt x="1925" y="1143"/>
                  </a:lnTo>
                  <a:lnTo>
                    <a:pt x="1916" y="1155"/>
                  </a:lnTo>
                  <a:lnTo>
                    <a:pt x="1909" y="1170"/>
                  </a:lnTo>
                  <a:lnTo>
                    <a:pt x="1909" y="1170"/>
                  </a:lnTo>
                  <a:lnTo>
                    <a:pt x="1901" y="1182"/>
                  </a:lnTo>
                  <a:lnTo>
                    <a:pt x="1891" y="1196"/>
                  </a:lnTo>
                  <a:lnTo>
                    <a:pt x="1877" y="1209"/>
                  </a:lnTo>
                  <a:lnTo>
                    <a:pt x="1868" y="1216"/>
                  </a:lnTo>
                  <a:lnTo>
                    <a:pt x="1859" y="1224"/>
                  </a:lnTo>
                  <a:lnTo>
                    <a:pt x="1849" y="1231"/>
                  </a:lnTo>
                  <a:lnTo>
                    <a:pt x="1837" y="1237"/>
                  </a:lnTo>
                  <a:lnTo>
                    <a:pt x="1825" y="1242"/>
                  </a:lnTo>
                  <a:lnTo>
                    <a:pt x="1810" y="1246"/>
                  </a:lnTo>
                  <a:lnTo>
                    <a:pt x="1795" y="1249"/>
                  </a:lnTo>
                  <a:lnTo>
                    <a:pt x="1779" y="1249"/>
                  </a:lnTo>
                  <a:lnTo>
                    <a:pt x="1779" y="1249"/>
                  </a:lnTo>
                  <a:lnTo>
                    <a:pt x="1759" y="1248"/>
                  </a:lnTo>
                  <a:lnTo>
                    <a:pt x="1741" y="1245"/>
                  </a:lnTo>
                  <a:lnTo>
                    <a:pt x="1723" y="1239"/>
                  </a:lnTo>
                  <a:lnTo>
                    <a:pt x="1707" y="1231"/>
                  </a:lnTo>
                  <a:lnTo>
                    <a:pt x="1690" y="1222"/>
                  </a:lnTo>
                  <a:lnTo>
                    <a:pt x="1676" y="1211"/>
                  </a:lnTo>
                  <a:lnTo>
                    <a:pt x="1662" y="1197"/>
                  </a:lnTo>
                  <a:lnTo>
                    <a:pt x="1649" y="1182"/>
                  </a:lnTo>
                  <a:lnTo>
                    <a:pt x="1637" y="1166"/>
                  </a:lnTo>
                  <a:lnTo>
                    <a:pt x="1626" y="1149"/>
                  </a:lnTo>
                  <a:lnTo>
                    <a:pt x="1617" y="1130"/>
                  </a:lnTo>
                  <a:lnTo>
                    <a:pt x="1610" y="1110"/>
                  </a:lnTo>
                  <a:lnTo>
                    <a:pt x="1602" y="1088"/>
                  </a:lnTo>
                  <a:lnTo>
                    <a:pt x="1598" y="1067"/>
                  </a:lnTo>
                  <a:lnTo>
                    <a:pt x="1595" y="1043"/>
                  </a:lnTo>
                  <a:lnTo>
                    <a:pt x="1595" y="1021"/>
                  </a:lnTo>
                  <a:lnTo>
                    <a:pt x="1595" y="1021"/>
                  </a:lnTo>
                  <a:lnTo>
                    <a:pt x="1595" y="997"/>
                  </a:lnTo>
                  <a:lnTo>
                    <a:pt x="1598" y="974"/>
                  </a:lnTo>
                  <a:lnTo>
                    <a:pt x="1602" y="952"/>
                  </a:lnTo>
                  <a:lnTo>
                    <a:pt x="1610" y="931"/>
                  </a:lnTo>
                  <a:lnTo>
                    <a:pt x="1617" y="912"/>
                  </a:lnTo>
                  <a:lnTo>
                    <a:pt x="1626" y="892"/>
                  </a:lnTo>
                  <a:lnTo>
                    <a:pt x="1637" y="874"/>
                  </a:lnTo>
                  <a:lnTo>
                    <a:pt x="1649" y="858"/>
                  </a:lnTo>
                  <a:lnTo>
                    <a:pt x="1662" y="843"/>
                  </a:lnTo>
                  <a:lnTo>
                    <a:pt x="1676" y="831"/>
                  </a:lnTo>
                  <a:lnTo>
                    <a:pt x="1690" y="819"/>
                  </a:lnTo>
                  <a:lnTo>
                    <a:pt x="1707" y="808"/>
                  </a:lnTo>
                  <a:lnTo>
                    <a:pt x="1723" y="801"/>
                  </a:lnTo>
                  <a:lnTo>
                    <a:pt x="1741" y="795"/>
                  </a:lnTo>
                  <a:lnTo>
                    <a:pt x="1759" y="792"/>
                  </a:lnTo>
                  <a:lnTo>
                    <a:pt x="1779" y="790"/>
                  </a:lnTo>
                  <a:lnTo>
                    <a:pt x="1779" y="790"/>
                  </a:lnTo>
                  <a:close/>
                </a:path>
              </a:pathLst>
            </a:custGeom>
            <a:solidFill>
              <a:schemeClr val="accent6">
                <a:lumMod val="40000"/>
                <a:lumOff val="60000"/>
              </a:schemeClr>
            </a:solidFill>
            <a:ln w="28575">
              <a:solidFill>
                <a:schemeClr val="bg1">
                  <a:lumMod val="50000"/>
                </a:schemeClr>
              </a:solidFill>
              <a:prstDash val="solid"/>
              <a:round/>
              <a:headEnd/>
              <a:tailEnd/>
            </a:ln>
          </p:spPr>
          <p:txBody>
            <a:bodyPr bIns="360000" anchor="ctr"/>
            <a:lstStyle/>
            <a:p>
              <a:pPr algn="ctr" eaLnBrk="1" hangingPunct="1">
                <a:defRPr/>
              </a:pPr>
              <a:r>
                <a:rPr lang="en-GB" dirty="0">
                  <a:cs typeface="Arial" charset="0"/>
                </a:rPr>
                <a:t>Bladder </a:t>
              </a:r>
            </a:p>
            <a:p>
              <a:pPr algn="ctr" eaLnBrk="1" hangingPunct="1">
                <a:defRPr/>
              </a:pPr>
              <a:r>
                <a:rPr lang="en-GB" dirty="0">
                  <a:cs typeface="Arial" charset="0"/>
                </a:rPr>
                <a:t>Health</a:t>
              </a:r>
            </a:p>
          </p:txBody>
        </p:sp>
        <p:sp>
          <p:nvSpPr>
            <p:cNvPr id="14" name="Freeform 7">
              <a:extLst>
                <a:ext uri="{FF2B5EF4-FFF2-40B4-BE49-F238E27FC236}">
                  <a16:creationId xmlns:a16="http://schemas.microsoft.com/office/drawing/2014/main" id="{154AB81E-B1AD-B742-91BD-34AF6BED0B38}"/>
                </a:ext>
              </a:extLst>
            </p:cNvPr>
            <p:cNvSpPr>
              <a:spLocks/>
            </p:cNvSpPr>
            <p:nvPr/>
          </p:nvSpPr>
          <p:spPr bwMode="auto">
            <a:xfrm>
              <a:off x="6419850"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bg1">
                <a:lumMod val="75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SIREN </a:t>
              </a:r>
            </a:p>
            <a:p>
              <a:pPr algn="ctr" eaLnBrk="1" hangingPunct="1">
                <a:defRPr/>
              </a:pPr>
              <a:r>
                <a:rPr lang="en-US" dirty="0">
                  <a:cs typeface="Arial" charset="0"/>
                </a:rPr>
                <a:t>Gravity</a:t>
              </a:r>
            </a:p>
            <a:p>
              <a:pPr algn="ctr" eaLnBrk="1" hangingPunct="1">
                <a:defRPr/>
              </a:pPr>
              <a:r>
                <a:rPr lang="en-US" dirty="0">
                  <a:cs typeface="Arial" charset="0"/>
                </a:rPr>
                <a:t>Project</a:t>
              </a:r>
              <a:endParaRPr lang="en-GB" dirty="0">
                <a:cs typeface="Arial" charset="0"/>
              </a:endParaRPr>
            </a:p>
          </p:txBody>
        </p:sp>
        <p:sp>
          <p:nvSpPr>
            <p:cNvPr id="15" name="Freeform 8">
              <a:extLst>
                <a:ext uri="{FF2B5EF4-FFF2-40B4-BE49-F238E27FC236}">
                  <a16:creationId xmlns:a16="http://schemas.microsoft.com/office/drawing/2014/main" id="{16472439-851E-0B48-A31F-FCACA0C701D9}"/>
                </a:ext>
              </a:extLst>
            </p:cNvPr>
            <p:cNvSpPr>
              <a:spLocks/>
            </p:cNvSpPr>
            <p:nvPr/>
          </p:nvSpPr>
          <p:spPr bwMode="auto">
            <a:xfrm>
              <a:off x="6096000" y="1656584"/>
              <a:ext cx="1885950" cy="1882775"/>
            </a:xfrm>
            <a:custGeom>
              <a:avLst/>
              <a:gdLst>
                <a:gd name="T0" fmla="*/ 2222 w 2377"/>
                <a:gd name="T1" fmla="*/ 795 h 2371"/>
                <a:gd name="T2" fmla="*/ 2275 w 2377"/>
                <a:gd name="T3" fmla="*/ 827 h 2371"/>
                <a:gd name="T4" fmla="*/ 2314 w 2377"/>
                <a:gd name="T5" fmla="*/ 882 h 2371"/>
                <a:gd name="T6" fmla="*/ 2362 w 2377"/>
                <a:gd name="T7" fmla="*/ 907 h 2371"/>
                <a:gd name="T8" fmla="*/ 395 w 2377"/>
                <a:gd name="T9" fmla="*/ 855 h 2371"/>
                <a:gd name="T10" fmla="*/ 386 w 2377"/>
                <a:gd name="T11" fmla="*/ 892 h 2371"/>
                <a:gd name="T12" fmla="*/ 358 w 2377"/>
                <a:gd name="T13" fmla="*/ 907 h 2371"/>
                <a:gd name="T14" fmla="*/ 325 w 2377"/>
                <a:gd name="T15" fmla="*/ 886 h 2371"/>
                <a:gd name="T16" fmla="*/ 296 w 2377"/>
                <a:gd name="T17" fmla="*/ 842 h 2371"/>
                <a:gd name="T18" fmla="*/ 242 w 2377"/>
                <a:gd name="T19" fmla="*/ 800 h 2371"/>
                <a:gd name="T20" fmla="*/ 184 w 2377"/>
                <a:gd name="T21" fmla="*/ 786 h 2371"/>
                <a:gd name="T22" fmla="*/ 96 w 2377"/>
                <a:gd name="T23" fmla="*/ 815 h 2371"/>
                <a:gd name="T24" fmla="*/ 32 w 2377"/>
                <a:gd name="T25" fmla="*/ 888 h 2371"/>
                <a:gd name="T26" fmla="*/ 0 w 2377"/>
                <a:gd name="T27" fmla="*/ 993 h 2371"/>
                <a:gd name="T28" fmla="*/ 8 w 2377"/>
                <a:gd name="T29" fmla="*/ 1084 h 2371"/>
                <a:gd name="T30" fmla="*/ 54 w 2377"/>
                <a:gd name="T31" fmla="*/ 1178 h 2371"/>
                <a:gd name="T32" fmla="*/ 129 w 2377"/>
                <a:gd name="T33" fmla="*/ 1235 h 2371"/>
                <a:gd name="T34" fmla="*/ 201 w 2377"/>
                <a:gd name="T35" fmla="*/ 1245 h 2371"/>
                <a:gd name="T36" fmla="*/ 265 w 2377"/>
                <a:gd name="T37" fmla="*/ 1220 h 2371"/>
                <a:gd name="T38" fmla="*/ 313 w 2377"/>
                <a:gd name="T39" fmla="*/ 1164 h 2371"/>
                <a:gd name="T40" fmla="*/ 338 w 2377"/>
                <a:gd name="T41" fmla="*/ 1133 h 2371"/>
                <a:gd name="T42" fmla="*/ 371 w 2377"/>
                <a:gd name="T43" fmla="*/ 1126 h 2371"/>
                <a:gd name="T44" fmla="*/ 392 w 2377"/>
                <a:gd name="T45" fmla="*/ 1155 h 2371"/>
                <a:gd name="T46" fmla="*/ 1256 w 2377"/>
                <a:gd name="T47" fmla="*/ 1976 h 2371"/>
                <a:gd name="T48" fmla="*/ 1298 w 2377"/>
                <a:gd name="T49" fmla="*/ 1990 h 2371"/>
                <a:gd name="T50" fmla="*/ 1305 w 2377"/>
                <a:gd name="T51" fmla="*/ 2020 h 2371"/>
                <a:gd name="T52" fmla="*/ 1275 w 2377"/>
                <a:gd name="T53" fmla="*/ 2052 h 2371"/>
                <a:gd name="T54" fmla="*/ 1225 w 2377"/>
                <a:gd name="T55" fmla="*/ 2088 h 2371"/>
                <a:gd name="T56" fmla="*/ 1193 w 2377"/>
                <a:gd name="T57" fmla="*/ 2141 h 2371"/>
                <a:gd name="T58" fmla="*/ 1186 w 2377"/>
                <a:gd name="T59" fmla="*/ 2206 h 2371"/>
                <a:gd name="T60" fmla="*/ 1225 w 2377"/>
                <a:gd name="T61" fmla="*/ 2290 h 2371"/>
                <a:gd name="T62" fmla="*/ 1305 w 2377"/>
                <a:gd name="T63" fmla="*/ 2348 h 2371"/>
                <a:gd name="T64" fmla="*/ 1414 w 2377"/>
                <a:gd name="T65" fmla="*/ 2371 h 2371"/>
                <a:gd name="T66" fmla="*/ 1504 w 2377"/>
                <a:gd name="T67" fmla="*/ 2357 h 2371"/>
                <a:gd name="T68" fmla="*/ 1591 w 2377"/>
                <a:gd name="T69" fmla="*/ 2304 h 2371"/>
                <a:gd name="T70" fmla="*/ 1639 w 2377"/>
                <a:gd name="T71" fmla="*/ 2224 h 2371"/>
                <a:gd name="T72" fmla="*/ 1640 w 2377"/>
                <a:gd name="T73" fmla="*/ 2156 h 2371"/>
                <a:gd name="T74" fmla="*/ 1612 w 2377"/>
                <a:gd name="T75" fmla="*/ 2097 h 2371"/>
                <a:gd name="T76" fmla="*/ 1564 w 2377"/>
                <a:gd name="T77" fmla="*/ 2057 h 2371"/>
                <a:gd name="T78" fmla="*/ 1526 w 2377"/>
                <a:gd name="T79" fmla="*/ 2026 h 2371"/>
                <a:gd name="T80" fmla="*/ 1526 w 2377"/>
                <a:gd name="T81" fmla="*/ 1994 h 2371"/>
                <a:gd name="T82" fmla="*/ 1564 w 2377"/>
                <a:gd name="T83" fmla="*/ 1976 h 2371"/>
                <a:gd name="T84" fmla="*/ 2370 w 2377"/>
                <a:gd name="T85" fmla="*/ 1130 h 2371"/>
                <a:gd name="T86" fmla="*/ 2323 w 2377"/>
                <a:gd name="T87" fmla="*/ 1139 h 2371"/>
                <a:gd name="T88" fmla="*/ 2289 w 2377"/>
                <a:gd name="T89" fmla="*/ 1191 h 2371"/>
                <a:gd name="T90" fmla="*/ 2235 w 2377"/>
                <a:gd name="T91" fmla="*/ 1233 h 2371"/>
                <a:gd name="T92" fmla="*/ 2177 w 2377"/>
                <a:gd name="T93" fmla="*/ 1245 h 2371"/>
                <a:gd name="T94" fmla="*/ 2089 w 2377"/>
                <a:gd name="T95" fmla="*/ 1218 h 2371"/>
                <a:gd name="T96" fmla="*/ 2024 w 2377"/>
                <a:gd name="T97" fmla="*/ 1145 h 2371"/>
                <a:gd name="T98" fmla="*/ 1993 w 2377"/>
                <a:gd name="T99" fmla="*/ 1040 h 2371"/>
                <a:gd name="T100" fmla="*/ 2000 w 2377"/>
                <a:gd name="T101" fmla="*/ 948 h 2371"/>
                <a:gd name="T102" fmla="*/ 2047 w 2377"/>
                <a:gd name="T103" fmla="*/ 855 h 2371"/>
                <a:gd name="T104" fmla="*/ 2121 w 2377"/>
                <a:gd name="T105" fmla="*/ 797 h 2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7" h="2371">
                  <a:moveTo>
                    <a:pt x="2177" y="788"/>
                  </a:moveTo>
                  <a:lnTo>
                    <a:pt x="2177" y="788"/>
                  </a:lnTo>
                  <a:lnTo>
                    <a:pt x="2193" y="788"/>
                  </a:lnTo>
                  <a:lnTo>
                    <a:pt x="2208" y="791"/>
                  </a:lnTo>
                  <a:lnTo>
                    <a:pt x="2222" y="795"/>
                  </a:lnTo>
                  <a:lnTo>
                    <a:pt x="2235" y="800"/>
                  </a:lnTo>
                  <a:lnTo>
                    <a:pt x="2247" y="806"/>
                  </a:lnTo>
                  <a:lnTo>
                    <a:pt x="2257" y="813"/>
                  </a:lnTo>
                  <a:lnTo>
                    <a:pt x="2266" y="819"/>
                  </a:lnTo>
                  <a:lnTo>
                    <a:pt x="2275" y="827"/>
                  </a:lnTo>
                  <a:lnTo>
                    <a:pt x="2289" y="842"/>
                  </a:lnTo>
                  <a:lnTo>
                    <a:pt x="2298" y="855"/>
                  </a:lnTo>
                  <a:lnTo>
                    <a:pt x="2305" y="867"/>
                  </a:lnTo>
                  <a:lnTo>
                    <a:pt x="2305" y="867"/>
                  </a:lnTo>
                  <a:lnTo>
                    <a:pt x="2314" y="882"/>
                  </a:lnTo>
                  <a:lnTo>
                    <a:pt x="2323" y="894"/>
                  </a:lnTo>
                  <a:lnTo>
                    <a:pt x="2334" y="901"/>
                  </a:lnTo>
                  <a:lnTo>
                    <a:pt x="2343" y="907"/>
                  </a:lnTo>
                  <a:lnTo>
                    <a:pt x="2353" y="909"/>
                  </a:lnTo>
                  <a:lnTo>
                    <a:pt x="2362" y="907"/>
                  </a:lnTo>
                  <a:lnTo>
                    <a:pt x="2370" y="903"/>
                  </a:lnTo>
                  <a:lnTo>
                    <a:pt x="2377" y="895"/>
                  </a:lnTo>
                  <a:lnTo>
                    <a:pt x="2377" y="0"/>
                  </a:lnTo>
                  <a:lnTo>
                    <a:pt x="395" y="0"/>
                  </a:lnTo>
                  <a:lnTo>
                    <a:pt x="395" y="855"/>
                  </a:lnTo>
                  <a:lnTo>
                    <a:pt x="395" y="855"/>
                  </a:lnTo>
                  <a:lnTo>
                    <a:pt x="393" y="867"/>
                  </a:lnTo>
                  <a:lnTo>
                    <a:pt x="392" y="877"/>
                  </a:lnTo>
                  <a:lnTo>
                    <a:pt x="389" y="886"/>
                  </a:lnTo>
                  <a:lnTo>
                    <a:pt x="386" y="892"/>
                  </a:lnTo>
                  <a:lnTo>
                    <a:pt x="382" y="898"/>
                  </a:lnTo>
                  <a:lnTo>
                    <a:pt x="377" y="903"/>
                  </a:lnTo>
                  <a:lnTo>
                    <a:pt x="371" y="906"/>
                  </a:lnTo>
                  <a:lnTo>
                    <a:pt x="365" y="907"/>
                  </a:lnTo>
                  <a:lnTo>
                    <a:pt x="358" y="907"/>
                  </a:lnTo>
                  <a:lnTo>
                    <a:pt x="352" y="907"/>
                  </a:lnTo>
                  <a:lnTo>
                    <a:pt x="344" y="904"/>
                  </a:lnTo>
                  <a:lnTo>
                    <a:pt x="338" y="900"/>
                  </a:lnTo>
                  <a:lnTo>
                    <a:pt x="331" y="894"/>
                  </a:lnTo>
                  <a:lnTo>
                    <a:pt x="325" y="886"/>
                  </a:lnTo>
                  <a:lnTo>
                    <a:pt x="319" y="877"/>
                  </a:lnTo>
                  <a:lnTo>
                    <a:pt x="313" y="867"/>
                  </a:lnTo>
                  <a:lnTo>
                    <a:pt x="313" y="867"/>
                  </a:lnTo>
                  <a:lnTo>
                    <a:pt x="305" y="855"/>
                  </a:lnTo>
                  <a:lnTo>
                    <a:pt x="296" y="842"/>
                  </a:lnTo>
                  <a:lnTo>
                    <a:pt x="283" y="827"/>
                  </a:lnTo>
                  <a:lnTo>
                    <a:pt x="274" y="819"/>
                  </a:lnTo>
                  <a:lnTo>
                    <a:pt x="265" y="812"/>
                  </a:lnTo>
                  <a:lnTo>
                    <a:pt x="254" y="806"/>
                  </a:lnTo>
                  <a:lnTo>
                    <a:pt x="242" y="800"/>
                  </a:lnTo>
                  <a:lnTo>
                    <a:pt x="229" y="794"/>
                  </a:lnTo>
                  <a:lnTo>
                    <a:pt x="216" y="791"/>
                  </a:lnTo>
                  <a:lnTo>
                    <a:pt x="201" y="788"/>
                  </a:lnTo>
                  <a:lnTo>
                    <a:pt x="184" y="786"/>
                  </a:lnTo>
                  <a:lnTo>
                    <a:pt x="184" y="786"/>
                  </a:lnTo>
                  <a:lnTo>
                    <a:pt x="165" y="788"/>
                  </a:lnTo>
                  <a:lnTo>
                    <a:pt x="147" y="791"/>
                  </a:lnTo>
                  <a:lnTo>
                    <a:pt x="129" y="797"/>
                  </a:lnTo>
                  <a:lnTo>
                    <a:pt x="112" y="804"/>
                  </a:lnTo>
                  <a:lnTo>
                    <a:pt x="96" y="815"/>
                  </a:lnTo>
                  <a:lnTo>
                    <a:pt x="81" y="825"/>
                  </a:lnTo>
                  <a:lnTo>
                    <a:pt x="66" y="839"/>
                  </a:lnTo>
                  <a:lnTo>
                    <a:pt x="54" y="854"/>
                  </a:lnTo>
                  <a:lnTo>
                    <a:pt x="42" y="870"/>
                  </a:lnTo>
                  <a:lnTo>
                    <a:pt x="32" y="888"/>
                  </a:lnTo>
                  <a:lnTo>
                    <a:pt x="21" y="907"/>
                  </a:lnTo>
                  <a:lnTo>
                    <a:pt x="14" y="927"/>
                  </a:lnTo>
                  <a:lnTo>
                    <a:pt x="8" y="948"/>
                  </a:lnTo>
                  <a:lnTo>
                    <a:pt x="3" y="970"/>
                  </a:lnTo>
                  <a:lnTo>
                    <a:pt x="0" y="993"/>
                  </a:lnTo>
                  <a:lnTo>
                    <a:pt x="0" y="1016"/>
                  </a:lnTo>
                  <a:lnTo>
                    <a:pt x="0" y="1016"/>
                  </a:lnTo>
                  <a:lnTo>
                    <a:pt x="0" y="1039"/>
                  </a:lnTo>
                  <a:lnTo>
                    <a:pt x="3" y="1063"/>
                  </a:lnTo>
                  <a:lnTo>
                    <a:pt x="8" y="1084"/>
                  </a:lnTo>
                  <a:lnTo>
                    <a:pt x="14" y="1105"/>
                  </a:lnTo>
                  <a:lnTo>
                    <a:pt x="21" y="1126"/>
                  </a:lnTo>
                  <a:lnTo>
                    <a:pt x="32" y="1145"/>
                  </a:lnTo>
                  <a:lnTo>
                    <a:pt x="42" y="1161"/>
                  </a:lnTo>
                  <a:lnTo>
                    <a:pt x="54" y="1178"/>
                  </a:lnTo>
                  <a:lnTo>
                    <a:pt x="66" y="1193"/>
                  </a:lnTo>
                  <a:lnTo>
                    <a:pt x="81" y="1206"/>
                  </a:lnTo>
                  <a:lnTo>
                    <a:pt x="96" y="1218"/>
                  </a:lnTo>
                  <a:lnTo>
                    <a:pt x="112" y="1227"/>
                  </a:lnTo>
                  <a:lnTo>
                    <a:pt x="129" y="1235"/>
                  </a:lnTo>
                  <a:lnTo>
                    <a:pt x="147" y="1241"/>
                  </a:lnTo>
                  <a:lnTo>
                    <a:pt x="165" y="1244"/>
                  </a:lnTo>
                  <a:lnTo>
                    <a:pt x="184" y="1245"/>
                  </a:lnTo>
                  <a:lnTo>
                    <a:pt x="184" y="1245"/>
                  </a:lnTo>
                  <a:lnTo>
                    <a:pt x="201" y="1245"/>
                  </a:lnTo>
                  <a:lnTo>
                    <a:pt x="216" y="1242"/>
                  </a:lnTo>
                  <a:lnTo>
                    <a:pt x="229" y="1238"/>
                  </a:lnTo>
                  <a:lnTo>
                    <a:pt x="242" y="1233"/>
                  </a:lnTo>
                  <a:lnTo>
                    <a:pt x="254" y="1227"/>
                  </a:lnTo>
                  <a:lnTo>
                    <a:pt x="265" y="1220"/>
                  </a:lnTo>
                  <a:lnTo>
                    <a:pt x="274" y="1212"/>
                  </a:lnTo>
                  <a:lnTo>
                    <a:pt x="283" y="1205"/>
                  </a:lnTo>
                  <a:lnTo>
                    <a:pt x="296" y="1190"/>
                  </a:lnTo>
                  <a:lnTo>
                    <a:pt x="305" y="1178"/>
                  </a:lnTo>
                  <a:lnTo>
                    <a:pt x="313" y="1164"/>
                  </a:lnTo>
                  <a:lnTo>
                    <a:pt x="313" y="1164"/>
                  </a:lnTo>
                  <a:lnTo>
                    <a:pt x="319" y="1155"/>
                  </a:lnTo>
                  <a:lnTo>
                    <a:pt x="325" y="1147"/>
                  </a:lnTo>
                  <a:lnTo>
                    <a:pt x="331" y="1139"/>
                  </a:lnTo>
                  <a:lnTo>
                    <a:pt x="338" y="1133"/>
                  </a:lnTo>
                  <a:lnTo>
                    <a:pt x="344" y="1129"/>
                  </a:lnTo>
                  <a:lnTo>
                    <a:pt x="352" y="1126"/>
                  </a:lnTo>
                  <a:lnTo>
                    <a:pt x="358" y="1124"/>
                  </a:lnTo>
                  <a:lnTo>
                    <a:pt x="365" y="1124"/>
                  </a:lnTo>
                  <a:lnTo>
                    <a:pt x="371" y="1126"/>
                  </a:lnTo>
                  <a:lnTo>
                    <a:pt x="377" y="1129"/>
                  </a:lnTo>
                  <a:lnTo>
                    <a:pt x="382" y="1133"/>
                  </a:lnTo>
                  <a:lnTo>
                    <a:pt x="386" y="1139"/>
                  </a:lnTo>
                  <a:lnTo>
                    <a:pt x="389" y="1147"/>
                  </a:lnTo>
                  <a:lnTo>
                    <a:pt x="392" y="1155"/>
                  </a:lnTo>
                  <a:lnTo>
                    <a:pt x="393" y="1166"/>
                  </a:lnTo>
                  <a:lnTo>
                    <a:pt x="395" y="1176"/>
                  </a:lnTo>
                  <a:lnTo>
                    <a:pt x="395" y="1979"/>
                  </a:lnTo>
                  <a:lnTo>
                    <a:pt x="1256" y="1976"/>
                  </a:lnTo>
                  <a:lnTo>
                    <a:pt x="1256" y="1976"/>
                  </a:lnTo>
                  <a:lnTo>
                    <a:pt x="1266" y="1978"/>
                  </a:lnTo>
                  <a:lnTo>
                    <a:pt x="1277" y="1979"/>
                  </a:lnTo>
                  <a:lnTo>
                    <a:pt x="1286" y="1982"/>
                  </a:lnTo>
                  <a:lnTo>
                    <a:pt x="1292" y="1985"/>
                  </a:lnTo>
                  <a:lnTo>
                    <a:pt x="1298" y="1990"/>
                  </a:lnTo>
                  <a:lnTo>
                    <a:pt x="1302" y="1996"/>
                  </a:lnTo>
                  <a:lnTo>
                    <a:pt x="1305" y="2000"/>
                  </a:lnTo>
                  <a:lnTo>
                    <a:pt x="1307" y="2006"/>
                  </a:lnTo>
                  <a:lnTo>
                    <a:pt x="1307" y="2014"/>
                  </a:lnTo>
                  <a:lnTo>
                    <a:pt x="1305" y="2020"/>
                  </a:lnTo>
                  <a:lnTo>
                    <a:pt x="1302" y="2027"/>
                  </a:lnTo>
                  <a:lnTo>
                    <a:pt x="1298" y="2033"/>
                  </a:lnTo>
                  <a:lnTo>
                    <a:pt x="1292" y="2040"/>
                  </a:lnTo>
                  <a:lnTo>
                    <a:pt x="1284" y="2046"/>
                  </a:lnTo>
                  <a:lnTo>
                    <a:pt x="1275" y="2052"/>
                  </a:lnTo>
                  <a:lnTo>
                    <a:pt x="1265" y="2057"/>
                  </a:lnTo>
                  <a:lnTo>
                    <a:pt x="1265" y="2057"/>
                  </a:lnTo>
                  <a:lnTo>
                    <a:pt x="1253" y="2064"/>
                  </a:lnTo>
                  <a:lnTo>
                    <a:pt x="1239" y="2075"/>
                  </a:lnTo>
                  <a:lnTo>
                    <a:pt x="1225" y="2088"/>
                  </a:lnTo>
                  <a:lnTo>
                    <a:pt x="1217" y="2097"/>
                  </a:lnTo>
                  <a:lnTo>
                    <a:pt x="1211" y="2106"/>
                  </a:lnTo>
                  <a:lnTo>
                    <a:pt x="1204" y="2117"/>
                  </a:lnTo>
                  <a:lnTo>
                    <a:pt x="1198" y="2129"/>
                  </a:lnTo>
                  <a:lnTo>
                    <a:pt x="1193" y="2141"/>
                  </a:lnTo>
                  <a:lnTo>
                    <a:pt x="1189" y="2156"/>
                  </a:lnTo>
                  <a:lnTo>
                    <a:pt x="1186" y="2171"/>
                  </a:lnTo>
                  <a:lnTo>
                    <a:pt x="1186" y="2187"/>
                  </a:lnTo>
                  <a:lnTo>
                    <a:pt x="1186" y="2187"/>
                  </a:lnTo>
                  <a:lnTo>
                    <a:pt x="1186" y="2206"/>
                  </a:lnTo>
                  <a:lnTo>
                    <a:pt x="1190" y="2224"/>
                  </a:lnTo>
                  <a:lnTo>
                    <a:pt x="1196" y="2242"/>
                  </a:lnTo>
                  <a:lnTo>
                    <a:pt x="1204" y="2259"/>
                  </a:lnTo>
                  <a:lnTo>
                    <a:pt x="1213" y="2275"/>
                  </a:lnTo>
                  <a:lnTo>
                    <a:pt x="1225" y="2290"/>
                  </a:lnTo>
                  <a:lnTo>
                    <a:pt x="1238" y="2304"/>
                  </a:lnTo>
                  <a:lnTo>
                    <a:pt x="1253" y="2317"/>
                  </a:lnTo>
                  <a:lnTo>
                    <a:pt x="1268" y="2329"/>
                  </a:lnTo>
                  <a:lnTo>
                    <a:pt x="1286" y="2339"/>
                  </a:lnTo>
                  <a:lnTo>
                    <a:pt x="1305" y="2348"/>
                  </a:lnTo>
                  <a:lnTo>
                    <a:pt x="1325" y="2357"/>
                  </a:lnTo>
                  <a:lnTo>
                    <a:pt x="1346" y="2363"/>
                  </a:lnTo>
                  <a:lnTo>
                    <a:pt x="1368" y="2368"/>
                  </a:lnTo>
                  <a:lnTo>
                    <a:pt x="1390" y="2371"/>
                  </a:lnTo>
                  <a:lnTo>
                    <a:pt x="1414" y="2371"/>
                  </a:lnTo>
                  <a:lnTo>
                    <a:pt x="1414" y="2371"/>
                  </a:lnTo>
                  <a:lnTo>
                    <a:pt x="1438" y="2371"/>
                  </a:lnTo>
                  <a:lnTo>
                    <a:pt x="1461" y="2368"/>
                  </a:lnTo>
                  <a:lnTo>
                    <a:pt x="1483" y="2363"/>
                  </a:lnTo>
                  <a:lnTo>
                    <a:pt x="1504" y="2357"/>
                  </a:lnTo>
                  <a:lnTo>
                    <a:pt x="1523" y="2348"/>
                  </a:lnTo>
                  <a:lnTo>
                    <a:pt x="1543" y="2339"/>
                  </a:lnTo>
                  <a:lnTo>
                    <a:pt x="1561" y="2329"/>
                  </a:lnTo>
                  <a:lnTo>
                    <a:pt x="1577" y="2317"/>
                  </a:lnTo>
                  <a:lnTo>
                    <a:pt x="1591" y="2304"/>
                  </a:lnTo>
                  <a:lnTo>
                    <a:pt x="1604" y="2290"/>
                  </a:lnTo>
                  <a:lnTo>
                    <a:pt x="1616" y="2275"/>
                  </a:lnTo>
                  <a:lnTo>
                    <a:pt x="1625" y="2259"/>
                  </a:lnTo>
                  <a:lnTo>
                    <a:pt x="1634" y="2242"/>
                  </a:lnTo>
                  <a:lnTo>
                    <a:pt x="1639" y="2224"/>
                  </a:lnTo>
                  <a:lnTo>
                    <a:pt x="1643" y="2206"/>
                  </a:lnTo>
                  <a:lnTo>
                    <a:pt x="1645" y="2187"/>
                  </a:lnTo>
                  <a:lnTo>
                    <a:pt x="1645" y="2187"/>
                  </a:lnTo>
                  <a:lnTo>
                    <a:pt x="1643" y="2171"/>
                  </a:lnTo>
                  <a:lnTo>
                    <a:pt x="1640" y="2156"/>
                  </a:lnTo>
                  <a:lnTo>
                    <a:pt x="1637" y="2141"/>
                  </a:lnTo>
                  <a:lnTo>
                    <a:pt x="1631" y="2129"/>
                  </a:lnTo>
                  <a:lnTo>
                    <a:pt x="1625" y="2117"/>
                  </a:lnTo>
                  <a:lnTo>
                    <a:pt x="1619" y="2106"/>
                  </a:lnTo>
                  <a:lnTo>
                    <a:pt x="1612" y="2097"/>
                  </a:lnTo>
                  <a:lnTo>
                    <a:pt x="1604" y="2088"/>
                  </a:lnTo>
                  <a:lnTo>
                    <a:pt x="1589" y="2075"/>
                  </a:lnTo>
                  <a:lnTo>
                    <a:pt x="1576" y="2064"/>
                  </a:lnTo>
                  <a:lnTo>
                    <a:pt x="1564" y="2057"/>
                  </a:lnTo>
                  <a:lnTo>
                    <a:pt x="1564" y="2057"/>
                  </a:lnTo>
                  <a:lnTo>
                    <a:pt x="1553" y="2052"/>
                  </a:lnTo>
                  <a:lnTo>
                    <a:pt x="1544" y="2046"/>
                  </a:lnTo>
                  <a:lnTo>
                    <a:pt x="1537" y="2039"/>
                  </a:lnTo>
                  <a:lnTo>
                    <a:pt x="1531" y="2033"/>
                  </a:lnTo>
                  <a:lnTo>
                    <a:pt x="1526" y="2026"/>
                  </a:lnTo>
                  <a:lnTo>
                    <a:pt x="1523" y="2020"/>
                  </a:lnTo>
                  <a:lnTo>
                    <a:pt x="1522" y="2012"/>
                  </a:lnTo>
                  <a:lnTo>
                    <a:pt x="1522" y="2006"/>
                  </a:lnTo>
                  <a:lnTo>
                    <a:pt x="1523" y="2000"/>
                  </a:lnTo>
                  <a:lnTo>
                    <a:pt x="1526" y="1994"/>
                  </a:lnTo>
                  <a:lnTo>
                    <a:pt x="1531" y="1990"/>
                  </a:lnTo>
                  <a:lnTo>
                    <a:pt x="1537" y="1985"/>
                  </a:lnTo>
                  <a:lnTo>
                    <a:pt x="1544" y="1981"/>
                  </a:lnTo>
                  <a:lnTo>
                    <a:pt x="1553" y="1978"/>
                  </a:lnTo>
                  <a:lnTo>
                    <a:pt x="1564" y="1976"/>
                  </a:lnTo>
                  <a:lnTo>
                    <a:pt x="1576" y="1976"/>
                  </a:lnTo>
                  <a:lnTo>
                    <a:pt x="2377" y="1976"/>
                  </a:lnTo>
                  <a:lnTo>
                    <a:pt x="2377" y="1138"/>
                  </a:lnTo>
                  <a:lnTo>
                    <a:pt x="2377" y="1138"/>
                  </a:lnTo>
                  <a:lnTo>
                    <a:pt x="2370" y="1130"/>
                  </a:lnTo>
                  <a:lnTo>
                    <a:pt x="2362" y="1126"/>
                  </a:lnTo>
                  <a:lnTo>
                    <a:pt x="2353" y="1124"/>
                  </a:lnTo>
                  <a:lnTo>
                    <a:pt x="2343" y="1127"/>
                  </a:lnTo>
                  <a:lnTo>
                    <a:pt x="2334" y="1132"/>
                  </a:lnTo>
                  <a:lnTo>
                    <a:pt x="2323" y="1139"/>
                  </a:lnTo>
                  <a:lnTo>
                    <a:pt x="2314" y="1151"/>
                  </a:lnTo>
                  <a:lnTo>
                    <a:pt x="2305" y="1166"/>
                  </a:lnTo>
                  <a:lnTo>
                    <a:pt x="2305" y="1166"/>
                  </a:lnTo>
                  <a:lnTo>
                    <a:pt x="2298" y="1178"/>
                  </a:lnTo>
                  <a:lnTo>
                    <a:pt x="2289" y="1191"/>
                  </a:lnTo>
                  <a:lnTo>
                    <a:pt x="2275" y="1206"/>
                  </a:lnTo>
                  <a:lnTo>
                    <a:pt x="2266" y="1214"/>
                  </a:lnTo>
                  <a:lnTo>
                    <a:pt x="2257" y="1220"/>
                  </a:lnTo>
                  <a:lnTo>
                    <a:pt x="2247" y="1227"/>
                  </a:lnTo>
                  <a:lnTo>
                    <a:pt x="2235" y="1233"/>
                  </a:lnTo>
                  <a:lnTo>
                    <a:pt x="2222" y="1239"/>
                  </a:lnTo>
                  <a:lnTo>
                    <a:pt x="2208" y="1242"/>
                  </a:lnTo>
                  <a:lnTo>
                    <a:pt x="2193" y="1245"/>
                  </a:lnTo>
                  <a:lnTo>
                    <a:pt x="2177" y="1245"/>
                  </a:lnTo>
                  <a:lnTo>
                    <a:pt x="2177" y="1245"/>
                  </a:lnTo>
                  <a:lnTo>
                    <a:pt x="2157" y="1245"/>
                  </a:lnTo>
                  <a:lnTo>
                    <a:pt x="2139" y="1241"/>
                  </a:lnTo>
                  <a:lnTo>
                    <a:pt x="2121" y="1236"/>
                  </a:lnTo>
                  <a:lnTo>
                    <a:pt x="2105" y="1227"/>
                  </a:lnTo>
                  <a:lnTo>
                    <a:pt x="2089" y="1218"/>
                  </a:lnTo>
                  <a:lnTo>
                    <a:pt x="2074" y="1206"/>
                  </a:lnTo>
                  <a:lnTo>
                    <a:pt x="2060" y="1193"/>
                  </a:lnTo>
                  <a:lnTo>
                    <a:pt x="2047" y="1179"/>
                  </a:lnTo>
                  <a:lnTo>
                    <a:pt x="2035" y="1163"/>
                  </a:lnTo>
                  <a:lnTo>
                    <a:pt x="2024" y="1145"/>
                  </a:lnTo>
                  <a:lnTo>
                    <a:pt x="2015" y="1126"/>
                  </a:lnTo>
                  <a:lnTo>
                    <a:pt x="2006" y="1106"/>
                  </a:lnTo>
                  <a:lnTo>
                    <a:pt x="2000" y="1085"/>
                  </a:lnTo>
                  <a:lnTo>
                    <a:pt x="1996" y="1063"/>
                  </a:lnTo>
                  <a:lnTo>
                    <a:pt x="1993" y="1040"/>
                  </a:lnTo>
                  <a:lnTo>
                    <a:pt x="1993" y="1016"/>
                  </a:lnTo>
                  <a:lnTo>
                    <a:pt x="1993" y="1016"/>
                  </a:lnTo>
                  <a:lnTo>
                    <a:pt x="1993" y="993"/>
                  </a:lnTo>
                  <a:lnTo>
                    <a:pt x="1996" y="970"/>
                  </a:lnTo>
                  <a:lnTo>
                    <a:pt x="2000" y="948"/>
                  </a:lnTo>
                  <a:lnTo>
                    <a:pt x="2006" y="927"/>
                  </a:lnTo>
                  <a:lnTo>
                    <a:pt x="2015" y="907"/>
                  </a:lnTo>
                  <a:lnTo>
                    <a:pt x="2024" y="888"/>
                  </a:lnTo>
                  <a:lnTo>
                    <a:pt x="2035" y="870"/>
                  </a:lnTo>
                  <a:lnTo>
                    <a:pt x="2047" y="855"/>
                  </a:lnTo>
                  <a:lnTo>
                    <a:pt x="2060" y="840"/>
                  </a:lnTo>
                  <a:lnTo>
                    <a:pt x="2074" y="827"/>
                  </a:lnTo>
                  <a:lnTo>
                    <a:pt x="2089" y="815"/>
                  </a:lnTo>
                  <a:lnTo>
                    <a:pt x="2105" y="806"/>
                  </a:lnTo>
                  <a:lnTo>
                    <a:pt x="2121" y="797"/>
                  </a:lnTo>
                  <a:lnTo>
                    <a:pt x="2139" y="792"/>
                  </a:lnTo>
                  <a:lnTo>
                    <a:pt x="2157" y="788"/>
                  </a:lnTo>
                  <a:lnTo>
                    <a:pt x="2177" y="788"/>
                  </a:lnTo>
                  <a:lnTo>
                    <a:pt x="2177" y="788"/>
                  </a:lnTo>
                  <a:close/>
                </a:path>
              </a:pathLst>
            </a:custGeom>
            <a:solidFill>
              <a:schemeClr val="accent6">
                <a:lumMod val="40000"/>
                <a:lumOff val="60000"/>
              </a:schemeClr>
            </a:solidFill>
            <a:ln w="28575">
              <a:solidFill>
                <a:schemeClr val="bg1">
                  <a:lumMod val="50000"/>
                </a:schemeClr>
              </a:solidFill>
              <a:prstDash val="solid"/>
              <a:round/>
              <a:headEnd/>
              <a:tailEnd/>
            </a:ln>
          </p:spPr>
          <p:txBody>
            <a:bodyPr bIns="360000" anchor="ctr"/>
            <a:lstStyle/>
            <a:p>
              <a:pPr algn="ctr" eaLnBrk="1" hangingPunct="1">
                <a:defRPr/>
              </a:pPr>
              <a:r>
                <a:rPr lang="en-US" sz="3200" dirty="0">
                  <a:solidFill>
                    <a:srgbClr val="FF0000"/>
                  </a:solidFill>
                  <a:cs typeface="Arial" charset="0"/>
                </a:rPr>
                <a:t>*</a:t>
              </a:r>
            </a:p>
            <a:p>
              <a:pPr algn="ctr" eaLnBrk="1" hangingPunct="1">
                <a:defRPr/>
              </a:pPr>
              <a:r>
                <a:rPr lang="en-US" dirty="0">
                  <a:cs typeface="Arial" charset="0"/>
                </a:rPr>
                <a:t>Hep C  (</a:t>
              </a:r>
              <a:r>
                <a:rPr lang="en-US" dirty="0" err="1">
                  <a:cs typeface="Arial" charset="0"/>
                </a:rPr>
                <a:t>MedMorph</a:t>
              </a:r>
              <a:r>
                <a:rPr lang="en-US" dirty="0">
                  <a:cs typeface="Arial" charset="0"/>
                </a:rPr>
                <a:t>)</a:t>
              </a:r>
              <a:endParaRPr lang="en-GB" dirty="0">
                <a:cs typeface="Arial" charset="0"/>
              </a:endParaRPr>
            </a:p>
          </p:txBody>
        </p:sp>
        <p:sp>
          <p:nvSpPr>
            <p:cNvPr id="18" name="Freeform 12">
              <a:extLst>
                <a:ext uri="{FF2B5EF4-FFF2-40B4-BE49-F238E27FC236}">
                  <a16:creationId xmlns:a16="http://schemas.microsoft.com/office/drawing/2014/main" id="{283EA024-BFF2-014E-B11F-DC943C41752B}"/>
                </a:ext>
              </a:extLst>
            </p:cNvPr>
            <p:cNvSpPr>
              <a:spLocks/>
            </p:cNvSpPr>
            <p:nvPr/>
          </p:nvSpPr>
          <p:spPr bwMode="auto">
            <a:xfrm>
              <a:off x="7667625" y="1656584"/>
              <a:ext cx="1887538" cy="1568450"/>
            </a:xfrm>
            <a:custGeom>
              <a:avLst/>
              <a:gdLst>
                <a:gd name="T0" fmla="*/ 1586 w 2377"/>
                <a:gd name="T1" fmla="*/ 1797 h 1975"/>
                <a:gd name="T2" fmla="*/ 1564 w 2377"/>
                <a:gd name="T3" fmla="*/ 1845 h 1975"/>
                <a:gd name="T4" fmla="*/ 1522 w 2377"/>
                <a:gd name="T5" fmla="*/ 1886 h 1975"/>
                <a:gd name="T6" fmla="*/ 1489 w 2377"/>
                <a:gd name="T7" fmla="*/ 1906 h 1975"/>
                <a:gd name="T8" fmla="*/ 1470 w 2377"/>
                <a:gd name="T9" fmla="*/ 1933 h 1975"/>
                <a:gd name="T10" fmla="*/ 1473 w 2377"/>
                <a:gd name="T11" fmla="*/ 1957 h 1975"/>
                <a:gd name="T12" fmla="*/ 1500 w 2377"/>
                <a:gd name="T13" fmla="*/ 1973 h 1975"/>
                <a:gd name="T14" fmla="*/ 2377 w 2377"/>
                <a:gd name="T15" fmla="*/ 0 h 1975"/>
                <a:gd name="T16" fmla="*/ 395 w 2377"/>
                <a:gd name="T17" fmla="*/ 855 h 1975"/>
                <a:gd name="T18" fmla="*/ 390 w 2377"/>
                <a:gd name="T19" fmla="*/ 886 h 1975"/>
                <a:gd name="T20" fmla="*/ 371 w 2377"/>
                <a:gd name="T21" fmla="*/ 907 h 1975"/>
                <a:gd name="T22" fmla="*/ 346 w 2377"/>
                <a:gd name="T23" fmla="*/ 904 h 1975"/>
                <a:gd name="T24" fmla="*/ 320 w 2377"/>
                <a:gd name="T25" fmla="*/ 877 h 1975"/>
                <a:gd name="T26" fmla="*/ 298 w 2377"/>
                <a:gd name="T27" fmla="*/ 842 h 1975"/>
                <a:gd name="T28" fmla="*/ 254 w 2377"/>
                <a:gd name="T29" fmla="*/ 806 h 1975"/>
                <a:gd name="T30" fmla="*/ 201 w 2377"/>
                <a:gd name="T31" fmla="*/ 788 h 1975"/>
                <a:gd name="T32" fmla="*/ 148 w 2377"/>
                <a:gd name="T33" fmla="*/ 792 h 1975"/>
                <a:gd name="T34" fmla="*/ 83 w 2377"/>
                <a:gd name="T35" fmla="*/ 827 h 1975"/>
                <a:gd name="T36" fmla="*/ 32 w 2377"/>
                <a:gd name="T37" fmla="*/ 888 h 1975"/>
                <a:gd name="T38" fmla="*/ 5 w 2377"/>
                <a:gd name="T39" fmla="*/ 970 h 1975"/>
                <a:gd name="T40" fmla="*/ 2 w 2377"/>
                <a:gd name="T41" fmla="*/ 1040 h 1975"/>
                <a:gd name="T42" fmla="*/ 23 w 2377"/>
                <a:gd name="T43" fmla="*/ 1126 h 1975"/>
                <a:gd name="T44" fmla="*/ 68 w 2377"/>
                <a:gd name="T45" fmla="*/ 1193 h 1975"/>
                <a:gd name="T46" fmla="*/ 130 w 2377"/>
                <a:gd name="T47" fmla="*/ 1236 h 1975"/>
                <a:gd name="T48" fmla="*/ 184 w 2377"/>
                <a:gd name="T49" fmla="*/ 1245 h 1975"/>
                <a:gd name="T50" fmla="*/ 243 w 2377"/>
                <a:gd name="T51" fmla="*/ 1233 h 1975"/>
                <a:gd name="T52" fmla="*/ 283 w 2377"/>
                <a:gd name="T53" fmla="*/ 1206 h 1975"/>
                <a:gd name="T54" fmla="*/ 314 w 2377"/>
                <a:gd name="T55" fmla="*/ 1166 h 1975"/>
                <a:gd name="T56" fmla="*/ 340 w 2377"/>
                <a:gd name="T57" fmla="*/ 1133 h 1975"/>
                <a:gd name="T58" fmla="*/ 365 w 2377"/>
                <a:gd name="T59" fmla="*/ 1124 h 1975"/>
                <a:gd name="T60" fmla="*/ 388 w 2377"/>
                <a:gd name="T61" fmla="*/ 1139 h 1975"/>
                <a:gd name="T62" fmla="*/ 395 w 2377"/>
                <a:gd name="T63" fmla="*/ 1178 h 1975"/>
                <a:gd name="T64" fmla="*/ 1199 w 2377"/>
                <a:gd name="T65" fmla="*/ 1975 h 1975"/>
                <a:gd name="T66" fmla="*/ 1229 w 2377"/>
                <a:gd name="T67" fmla="*/ 1970 h 1975"/>
                <a:gd name="T68" fmla="*/ 1250 w 2377"/>
                <a:gd name="T69" fmla="*/ 1951 h 1975"/>
                <a:gd name="T70" fmla="*/ 1247 w 2377"/>
                <a:gd name="T71" fmla="*/ 1925 h 1975"/>
                <a:gd name="T72" fmla="*/ 1222 w 2377"/>
                <a:gd name="T73" fmla="*/ 1900 h 1975"/>
                <a:gd name="T74" fmla="*/ 1186 w 2377"/>
                <a:gd name="T75" fmla="*/ 1878 h 1975"/>
                <a:gd name="T76" fmla="*/ 1150 w 2377"/>
                <a:gd name="T77" fmla="*/ 1834 h 1975"/>
                <a:gd name="T78" fmla="*/ 1132 w 2377"/>
                <a:gd name="T79" fmla="*/ 1780 h 1975"/>
                <a:gd name="T80" fmla="*/ 1135 w 2377"/>
                <a:gd name="T81" fmla="*/ 1728 h 1975"/>
                <a:gd name="T82" fmla="*/ 1169 w 2377"/>
                <a:gd name="T83" fmla="*/ 1662 h 1975"/>
                <a:gd name="T84" fmla="*/ 1232 w 2377"/>
                <a:gd name="T85" fmla="*/ 1611 h 1975"/>
                <a:gd name="T86" fmla="*/ 1314 w 2377"/>
                <a:gd name="T87" fmla="*/ 1585 h 1975"/>
                <a:gd name="T88" fmla="*/ 1383 w 2377"/>
                <a:gd name="T89" fmla="*/ 1582 h 1975"/>
                <a:gd name="T90" fmla="*/ 1470 w 2377"/>
                <a:gd name="T91" fmla="*/ 1602 h 1975"/>
                <a:gd name="T92" fmla="*/ 1537 w 2377"/>
                <a:gd name="T93" fmla="*/ 1647 h 1975"/>
                <a:gd name="T94" fmla="*/ 1579 w 2377"/>
                <a:gd name="T95" fmla="*/ 1710 h 1975"/>
                <a:gd name="T96" fmla="*/ 1589 w 2377"/>
                <a:gd name="T97" fmla="*/ 1764 h 1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377" h="1975">
                  <a:moveTo>
                    <a:pt x="1589" y="1764"/>
                  </a:moveTo>
                  <a:lnTo>
                    <a:pt x="1589" y="1764"/>
                  </a:lnTo>
                  <a:lnTo>
                    <a:pt x="1588" y="1780"/>
                  </a:lnTo>
                  <a:lnTo>
                    <a:pt x="1586" y="1797"/>
                  </a:lnTo>
                  <a:lnTo>
                    <a:pt x="1582" y="1810"/>
                  </a:lnTo>
                  <a:lnTo>
                    <a:pt x="1577" y="1822"/>
                  </a:lnTo>
                  <a:lnTo>
                    <a:pt x="1571" y="1834"/>
                  </a:lnTo>
                  <a:lnTo>
                    <a:pt x="1564" y="1845"/>
                  </a:lnTo>
                  <a:lnTo>
                    <a:pt x="1556" y="1855"/>
                  </a:lnTo>
                  <a:lnTo>
                    <a:pt x="1549" y="1863"/>
                  </a:lnTo>
                  <a:lnTo>
                    <a:pt x="1534" y="1878"/>
                  </a:lnTo>
                  <a:lnTo>
                    <a:pt x="1522" y="1886"/>
                  </a:lnTo>
                  <a:lnTo>
                    <a:pt x="1509" y="1894"/>
                  </a:lnTo>
                  <a:lnTo>
                    <a:pt x="1509" y="1894"/>
                  </a:lnTo>
                  <a:lnTo>
                    <a:pt x="1498" y="1900"/>
                  </a:lnTo>
                  <a:lnTo>
                    <a:pt x="1489" y="1906"/>
                  </a:lnTo>
                  <a:lnTo>
                    <a:pt x="1483" y="1912"/>
                  </a:lnTo>
                  <a:lnTo>
                    <a:pt x="1477" y="1919"/>
                  </a:lnTo>
                  <a:lnTo>
                    <a:pt x="1473" y="1925"/>
                  </a:lnTo>
                  <a:lnTo>
                    <a:pt x="1470" y="1933"/>
                  </a:lnTo>
                  <a:lnTo>
                    <a:pt x="1468" y="1939"/>
                  </a:lnTo>
                  <a:lnTo>
                    <a:pt x="1468" y="1945"/>
                  </a:lnTo>
                  <a:lnTo>
                    <a:pt x="1470" y="1951"/>
                  </a:lnTo>
                  <a:lnTo>
                    <a:pt x="1473" y="1957"/>
                  </a:lnTo>
                  <a:lnTo>
                    <a:pt x="1477" y="1963"/>
                  </a:lnTo>
                  <a:lnTo>
                    <a:pt x="1483" y="1967"/>
                  </a:lnTo>
                  <a:lnTo>
                    <a:pt x="1491" y="1970"/>
                  </a:lnTo>
                  <a:lnTo>
                    <a:pt x="1500" y="1973"/>
                  </a:lnTo>
                  <a:lnTo>
                    <a:pt x="1509" y="1975"/>
                  </a:lnTo>
                  <a:lnTo>
                    <a:pt x="1521" y="1975"/>
                  </a:lnTo>
                  <a:lnTo>
                    <a:pt x="2377" y="1975"/>
                  </a:lnTo>
                  <a:lnTo>
                    <a:pt x="2377" y="0"/>
                  </a:lnTo>
                  <a:lnTo>
                    <a:pt x="398" y="0"/>
                  </a:lnTo>
                  <a:lnTo>
                    <a:pt x="398" y="454"/>
                  </a:lnTo>
                  <a:lnTo>
                    <a:pt x="395" y="454"/>
                  </a:lnTo>
                  <a:lnTo>
                    <a:pt x="395" y="855"/>
                  </a:lnTo>
                  <a:lnTo>
                    <a:pt x="395" y="855"/>
                  </a:lnTo>
                  <a:lnTo>
                    <a:pt x="395" y="867"/>
                  </a:lnTo>
                  <a:lnTo>
                    <a:pt x="393" y="877"/>
                  </a:lnTo>
                  <a:lnTo>
                    <a:pt x="390" y="886"/>
                  </a:lnTo>
                  <a:lnTo>
                    <a:pt x="388" y="894"/>
                  </a:lnTo>
                  <a:lnTo>
                    <a:pt x="383" y="900"/>
                  </a:lnTo>
                  <a:lnTo>
                    <a:pt x="377" y="904"/>
                  </a:lnTo>
                  <a:lnTo>
                    <a:pt x="371" y="907"/>
                  </a:lnTo>
                  <a:lnTo>
                    <a:pt x="365" y="909"/>
                  </a:lnTo>
                  <a:lnTo>
                    <a:pt x="359" y="909"/>
                  </a:lnTo>
                  <a:lnTo>
                    <a:pt x="353" y="907"/>
                  </a:lnTo>
                  <a:lnTo>
                    <a:pt x="346" y="904"/>
                  </a:lnTo>
                  <a:lnTo>
                    <a:pt x="340" y="900"/>
                  </a:lnTo>
                  <a:lnTo>
                    <a:pt x="332" y="894"/>
                  </a:lnTo>
                  <a:lnTo>
                    <a:pt x="326" y="886"/>
                  </a:lnTo>
                  <a:lnTo>
                    <a:pt x="320" y="877"/>
                  </a:lnTo>
                  <a:lnTo>
                    <a:pt x="314" y="867"/>
                  </a:lnTo>
                  <a:lnTo>
                    <a:pt x="314" y="867"/>
                  </a:lnTo>
                  <a:lnTo>
                    <a:pt x="307" y="855"/>
                  </a:lnTo>
                  <a:lnTo>
                    <a:pt x="298" y="842"/>
                  </a:lnTo>
                  <a:lnTo>
                    <a:pt x="283" y="827"/>
                  </a:lnTo>
                  <a:lnTo>
                    <a:pt x="275" y="819"/>
                  </a:lnTo>
                  <a:lnTo>
                    <a:pt x="265" y="813"/>
                  </a:lnTo>
                  <a:lnTo>
                    <a:pt x="254" y="806"/>
                  </a:lnTo>
                  <a:lnTo>
                    <a:pt x="243" y="800"/>
                  </a:lnTo>
                  <a:lnTo>
                    <a:pt x="231" y="795"/>
                  </a:lnTo>
                  <a:lnTo>
                    <a:pt x="217" y="791"/>
                  </a:lnTo>
                  <a:lnTo>
                    <a:pt x="201" y="788"/>
                  </a:lnTo>
                  <a:lnTo>
                    <a:pt x="184" y="788"/>
                  </a:lnTo>
                  <a:lnTo>
                    <a:pt x="184" y="788"/>
                  </a:lnTo>
                  <a:lnTo>
                    <a:pt x="166" y="788"/>
                  </a:lnTo>
                  <a:lnTo>
                    <a:pt x="148" y="792"/>
                  </a:lnTo>
                  <a:lnTo>
                    <a:pt x="130" y="797"/>
                  </a:lnTo>
                  <a:lnTo>
                    <a:pt x="112" y="806"/>
                  </a:lnTo>
                  <a:lnTo>
                    <a:pt x="98" y="815"/>
                  </a:lnTo>
                  <a:lnTo>
                    <a:pt x="83" y="827"/>
                  </a:lnTo>
                  <a:lnTo>
                    <a:pt x="68" y="840"/>
                  </a:lnTo>
                  <a:lnTo>
                    <a:pt x="54" y="855"/>
                  </a:lnTo>
                  <a:lnTo>
                    <a:pt x="42" y="870"/>
                  </a:lnTo>
                  <a:lnTo>
                    <a:pt x="32" y="888"/>
                  </a:lnTo>
                  <a:lnTo>
                    <a:pt x="23" y="907"/>
                  </a:lnTo>
                  <a:lnTo>
                    <a:pt x="15" y="927"/>
                  </a:lnTo>
                  <a:lnTo>
                    <a:pt x="9" y="948"/>
                  </a:lnTo>
                  <a:lnTo>
                    <a:pt x="5" y="970"/>
                  </a:lnTo>
                  <a:lnTo>
                    <a:pt x="2" y="993"/>
                  </a:lnTo>
                  <a:lnTo>
                    <a:pt x="0" y="1016"/>
                  </a:lnTo>
                  <a:lnTo>
                    <a:pt x="0" y="1016"/>
                  </a:lnTo>
                  <a:lnTo>
                    <a:pt x="2" y="1040"/>
                  </a:lnTo>
                  <a:lnTo>
                    <a:pt x="5" y="1063"/>
                  </a:lnTo>
                  <a:lnTo>
                    <a:pt x="9" y="1085"/>
                  </a:lnTo>
                  <a:lnTo>
                    <a:pt x="15" y="1106"/>
                  </a:lnTo>
                  <a:lnTo>
                    <a:pt x="23" y="1126"/>
                  </a:lnTo>
                  <a:lnTo>
                    <a:pt x="32" y="1145"/>
                  </a:lnTo>
                  <a:lnTo>
                    <a:pt x="42" y="1163"/>
                  </a:lnTo>
                  <a:lnTo>
                    <a:pt x="54" y="1179"/>
                  </a:lnTo>
                  <a:lnTo>
                    <a:pt x="68" y="1193"/>
                  </a:lnTo>
                  <a:lnTo>
                    <a:pt x="83" y="1206"/>
                  </a:lnTo>
                  <a:lnTo>
                    <a:pt x="98" y="1218"/>
                  </a:lnTo>
                  <a:lnTo>
                    <a:pt x="112" y="1227"/>
                  </a:lnTo>
                  <a:lnTo>
                    <a:pt x="130" y="1236"/>
                  </a:lnTo>
                  <a:lnTo>
                    <a:pt x="148" y="1241"/>
                  </a:lnTo>
                  <a:lnTo>
                    <a:pt x="166" y="1245"/>
                  </a:lnTo>
                  <a:lnTo>
                    <a:pt x="184" y="1245"/>
                  </a:lnTo>
                  <a:lnTo>
                    <a:pt x="184" y="1245"/>
                  </a:lnTo>
                  <a:lnTo>
                    <a:pt x="201" y="1245"/>
                  </a:lnTo>
                  <a:lnTo>
                    <a:pt x="217" y="1242"/>
                  </a:lnTo>
                  <a:lnTo>
                    <a:pt x="231" y="1239"/>
                  </a:lnTo>
                  <a:lnTo>
                    <a:pt x="243" y="1233"/>
                  </a:lnTo>
                  <a:lnTo>
                    <a:pt x="254" y="1227"/>
                  </a:lnTo>
                  <a:lnTo>
                    <a:pt x="265" y="1220"/>
                  </a:lnTo>
                  <a:lnTo>
                    <a:pt x="275" y="1214"/>
                  </a:lnTo>
                  <a:lnTo>
                    <a:pt x="283" y="1206"/>
                  </a:lnTo>
                  <a:lnTo>
                    <a:pt x="298" y="1191"/>
                  </a:lnTo>
                  <a:lnTo>
                    <a:pt x="307" y="1178"/>
                  </a:lnTo>
                  <a:lnTo>
                    <a:pt x="314" y="1166"/>
                  </a:lnTo>
                  <a:lnTo>
                    <a:pt x="314" y="1166"/>
                  </a:lnTo>
                  <a:lnTo>
                    <a:pt x="320" y="1155"/>
                  </a:lnTo>
                  <a:lnTo>
                    <a:pt x="326" y="1147"/>
                  </a:lnTo>
                  <a:lnTo>
                    <a:pt x="332" y="1139"/>
                  </a:lnTo>
                  <a:lnTo>
                    <a:pt x="340" y="1133"/>
                  </a:lnTo>
                  <a:lnTo>
                    <a:pt x="346" y="1129"/>
                  </a:lnTo>
                  <a:lnTo>
                    <a:pt x="353" y="1126"/>
                  </a:lnTo>
                  <a:lnTo>
                    <a:pt x="359" y="1124"/>
                  </a:lnTo>
                  <a:lnTo>
                    <a:pt x="365" y="1124"/>
                  </a:lnTo>
                  <a:lnTo>
                    <a:pt x="371" y="1126"/>
                  </a:lnTo>
                  <a:lnTo>
                    <a:pt x="377" y="1129"/>
                  </a:lnTo>
                  <a:lnTo>
                    <a:pt x="383" y="1133"/>
                  </a:lnTo>
                  <a:lnTo>
                    <a:pt x="388" y="1139"/>
                  </a:lnTo>
                  <a:lnTo>
                    <a:pt x="390" y="1147"/>
                  </a:lnTo>
                  <a:lnTo>
                    <a:pt x="393" y="1155"/>
                  </a:lnTo>
                  <a:lnTo>
                    <a:pt x="395" y="1166"/>
                  </a:lnTo>
                  <a:lnTo>
                    <a:pt x="395" y="1178"/>
                  </a:lnTo>
                  <a:lnTo>
                    <a:pt x="395" y="1429"/>
                  </a:lnTo>
                  <a:lnTo>
                    <a:pt x="398" y="1429"/>
                  </a:lnTo>
                  <a:lnTo>
                    <a:pt x="398" y="1975"/>
                  </a:lnTo>
                  <a:lnTo>
                    <a:pt x="1199" y="1975"/>
                  </a:lnTo>
                  <a:lnTo>
                    <a:pt x="1199" y="1975"/>
                  </a:lnTo>
                  <a:lnTo>
                    <a:pt x="1211" y="1975"/>
                  </a:lnTo>
                  <a:lnTo>
                    <a:pt x="1220" y="1973"/>
                  </a:lnTo>
                  <a:lnTo>
                    <a:pt x="1229" y="1970"/>
                  </a:lnTo>
                  <a:lnTo>
                    <a:pt x="1237" y="1967"/>
                  </a:lnTo>
                  <a:lnTo>
                    <a:pt x="1242" y="1963"/>
                  </a:lnTo>
                  <a:lnTo>
                    <a:pt x="1247" y="1957"/>
                  </a:lnTo>
                  <a:lnTo>
                    <a:pt x="1250" y="1951"/>
                  </a:lnTo>
                  <a:lnTo>
                    <a:pt x="1251" y="1945"/>
                  </a:lnTo>
                  <a:lnTo>
                    <a:pt x="1251" y="1939"/>
                  </a:lnTo>
                  <a:lnTo>
                    <a:pt x="1250" y="1933"/>
                  </a:lnTo>
                  <a:lnTo>
                    <a:pt x="1247" y="1925"/>
                  </a:lnTo>
                  <a:lnTo>
                    <a:pt x="1242" y="1919"/>
                  </a:lnTo>
                  <a:lnTo>
                    <a:pt x="1238" y="1912"/>
                  </a:lnTo>
                  <a:lnTo>
                    <a:pt x="1231" y="1906"/>
                  </a:lnTo>
                  <a:lnTo>
                    <a:pt x="1222" y="1900"/>
                  </a:lnTo>
                  <a:lnTo>
                    <a:pt x="1211" y="1894"/>
                  </a:lnTo>
                  <a:lnTo>
                    <a:pt x="1211" y="1894"/>
                  </a:lnTo>
                  <a:lnTo>
                    <a:pt x="1198" y="1886"/>
                  </a:lnTo>
                  <a:lnTo>
                    <a:pt x="1186" y="1878"/>
                  </a:lnTo>
                  <a:lnTo>
                    <a:pt x="1171" y="1863"/>
                  </a:lnTo>
                  <a:lnTo>
                    <a:pt x="1163" y="1855"/>
                  </a:lnTo>
                  <a:lnTo>
                    <a:pt x="1156" y="1845"/>
                  </a:lnTo>
                  <a:lnTo>
                    <a:pt x="1150" y="1834"/>
                  </a:lnTo>
                  <a:lnTo>
                    <a:pt x="1142" y="1822"/>
                  </a:lnTo>
                  <a:lnTo>
                    <a:pt x="1138" y="1810"/>
                  </a:lnTo>
                  <a:lnTo>
                    <a:pt x="1133" y="1797"/>
                  </a:lnTo>
                  <a:lnTo>
                    <a:pt x="1132" y="1780"/>
                  </a:lnTo>
                  <a:lnTo>
                    <a:pt x="1130" y="1764"/>
                  </a:lnTo>
                  <a:lnTo>
                    <a:pt x="1130" y="1764"/>
                  </a:lnTo>
                  <a:lnTo>
                    <a:pt x="1132" y="1746"/>
                  </a:lnTo>
                  <a:lnTo>
                    <a:pt x="1135" y="1728"/>
                  </a:lnTo>
                  <a:lnTo>
                    <a:pt x="1141" y="1710"/>
                  </a:lnTo>
                  <a:lnTo>
                    <a:pt x="1148" y="1692"/>
                  </a:lnTo>
                  <a:lnTo>
                    <a:pt x="1159" y="1677"/>
                  </a:lnTo>
                  <a:lnTo>
                    <a:pt x="1169" y="1662"/>
                  </a:lnTo>
                  <a:lnTo>
                    <a:pt x="1183" y="1647"/>
                  </a:lnTo>
                  <a:lnTo>
                    <a:pt x="1198" y="1634"/>
                  </a:lnTo>
                  <a:lnTo>
                    <a:pt x="1214" y="1622"/>
                  </a:lnTo>
                  <a:lnTo>
                    <a:pt x="1232" y="1611"/>
                  </a:lnTo>
                  <a:lnTo>
                    <a:pt x="1250" y="1602"/>
                  </a:lnTo>
                  <a:lnTo>
                    <a:pt x="1271" y="1595"/>
                  </a:lnTo>
                  <a:lnTo>
                    <a:pt x="1292" y="1589"/>
                  </a:lnTo>
                  <a:lnTo>
                    <a:pt x="1314" y="1585"/>
                  </a:lnTo>
                  <a:lnTo>
                    <a:pt x="1337" y="1582"/>
                  </a:lnTo>
                  <a:lnTo>
                    <a:pt x="1361" y="1580"/>
                  </a:lnTo>
                  <a:lnTo>
                    <a:pt x="1361" y="1580"/>
                  </a:lnTo>
                  <a:lnTo>
                    <a:pt x="1383" y="1582"/>
                  </a:lnTo>
                  <a:lnTo>
                    <a:pt x="1405" y="1585"/>
                  </a:lnTo>
                  <a:lnTo>
                    <a:pt x="1428" y="1589"/>
                  </a:lnTo>
                  <a:lnTo>
                    <a:pt x="1449" y="1595"/>
                  </a:lnTo>
                  <a:lnTo>
                    <a:pt x="1470" y="1602"/>
                  </a:lnTo>
                  <a:lnTo>
                    <a:pt x="1488" y="1611"/>
                  </a:lnTo>
                  <a:lnTo>
                    <a:pt x="1506" y="1622"/>
                  </a:lnTo>
                  <a:lnTo>
                    <a:pt x="1522" y="1634"/>
                  </a:lnTo>
                  <a:lnTo>
                    <a:pt x="1537" y="1647"/>
                  </a:lnTo>
                  <a:lnTo>
                    <a:pt x="1550" y="1662"/>
                  </a:lnTo>
                  <a:lnTo>
                    <a:pt x="1561" y="1677"/>
                  </a:lnTo>
                  <a:lnTo>
                    <a:pt x="1571" y="1692"/>
                  </a:lnTo>
                  <a:lnTo>
                    <a:pt x="1579" y="1710"/>
                  </a:lnTo>
                  <a:lnTo>
                    <a:pt x="1585" y="1728"/>
                  </a:lnTo>
                  <a:lnTo>
                    <a:pt x="1588" y="1746"/>
                  </a:lnTo>
                  <a:lnTo>
                    <a:pt x="1589" y="1764"/>
                  </a:lnTo>
                  <a:lnTo>
                    <a:pt x="1589" y="1764"/>
                  </a:lnTo>
                  <a:close/>
                </a:path>
              </a:pathLst>
            </a:custGeom>
            <a:solidFill>
              <a:schemeClr val="accent6">
                <a:lumMod val="40000"/>
                <a:lumOff val="60000"/>
              </a:schemeClr>
            </a:solidFill>
            <a:ln w="28575">
              <a:solidFill>
                <a:schemeClr val="bg1">
                  <a:lumMod val="50000"/>
                </a:schemeClr>
              </a:solidFill>
              <a:prstDash val="solid"/>
              <a:round/>
              <a:headEnd/>
              <a:tailEnd/>
            </a:ln>
          </p:spPr>
          <p:txBody>
            <a:bodyPr lIns="360000" anchor="ctr"/>
            <a:lstStyle/>
            <a:p>
              <a:pPr algn="ctr" eaLnBrk="1" hangingPunct="1">
                <a:defRPr/>
              </a:pPr>
              <a:r>
                <a:rPr lang="en-US" dirty="0">
                  <a:cs typeface="Arial" charset="0"/>
                </a:rPr>
                <a:t>COVID 19</a:t>
              </a:r>
              <a:endParaRPr lang="en-GB" dirty="0">
                <a:cs typeface="Arial" charset="0"/>
              </a:endParaRPr>
            </a:p>
          </p:txBody>
        </p:sp>
        <p:sp>
          <p:nvSpPr>
            <p:cNvPr id="19" name="Freeform 13">
              <a:extLst>
                <a:ext uri="{FF2B5EF4-FFF2-40B4-BE49-F238E27FC236}">
                  <a16:creationId xmlns:a16="http://schemas.microsoft.com/office/drawing/2014/main" id="{5E70DAF1-E87F-2242-953D-21747025E21F}"/>
                </a:ext>
              </a:extLst>
            </p:cNvPr>
            <p:cNvSpPr>
              <a:spLocks/>
            </p:cNvSpPr>
            <p:nvPr/>
          </p:nvSpPr>
          <p:spPr bwMode="auto">
            <a:xfrm>
              <a:off x="7985125" y="4480746"/>
              <a:ext cx="1570038" cy="1885950"/>
            </a:xfrm>
            <a:custGeom>
              <a:avLst/>
              <a:gdLst>
                <a:gd name="T0" fmla="*/ 179 w 1976"/>
                <a:gd name="T1" fmla="*/ 1584 h 2375"/>
                <a:gd name="T2" fmla="*/ 130 w 1976"/>
                <a:gd name="T3" fmla="*/ 1563 h 2375"/>
                <a:gd name="T4" fmla="*/ 88 w 1976"/>
                <a:gd name="T5" fmla="*/ 1520 h 2375"/>
                <a:gd name="T6" fmla="*/ 70 w 1976"/>
                <a:gd name="T7" fmla="*/ 1489 h 2375"/>
                <a:gd name="T8" fmla="*/ 43 w 1976"/>
                <a:gd name="T9" fmla="*/ 1468 h 2375"/>
                <a:gd name="T10" fmla="*/ 18 w 1976"/>
                <a:gd name="T11" fmla="*/ 1472 h 2375"/>
                <a:gd name="T12" fmla="*/ 1 w 1976"/>
                <a:gd name="T13" fmla="*/ 1498 h 2375"/>
                <a:gd name="T14" fmla="*/ 1976 w 1976"/>
                <a:gd name="T15" fmla="*/ 2375 h 2375"/>
                <a:gd name="T16" fmla="*/ 1120 w 1976"/>
                <a:gd name="T17" fmla="*/ 394 h 2375"/>
                <a:gd name="T18" fmla="*/ 1088 w 1976"/>
                <a:gd name="T19" fmla="*/ 390 h 2375"/>
                <a:gd name="T20" fmla="*/ 1069 w 1976"/>
                <a:gd name="T21" fmla="*/ 370 h 2375"/>
                <a:gd name="T22" fmla="*/ 1070 w 1976"/>
                <a:gd name="T23" fmla="*/ 345 h 2375"/>
                <a:gd name="T24" fmla="*/ 1097 w 1976"/>
                <a:gd name="T25" fmla="*/ 318 h 2375"/>
                <a:gd name="T26" fmla="*/ 1133 w 1976"/>
                <a:gd name="T27" fmla="*/ 296 h 2375"/>
                <a:gd name="T28" fmla="*/ 1169 w 1976"/>
                <a:gd name="T29" fmla="*/ 254 h 2375"/>
                <a:gd name="T30" fmla="*/ 1187 w 1976"/>
                <a:gd name="T31" fmla="*/ 200 h 2375"/>
                <a:gd name="T32" fmla="*/ 1184 w 1976"/>
                <a:gd name="T33" fmla="*/ 146 h 2375"/>
                <a:gd name="T34" fmla="*/ 1149 w 1976"/>
                <a:gd name="T35" fmla="*/ 80 h 2375"/>
                <a:gd name="T36" fmla="*/ 1087 w 1976"/>
                <a:gd name="T37" fmla="*/ 31 h 2375"/>
                <a:gd name="T38" fmla="*/ 1004 w 1976"/>
                <a:gd name="T39" fmla="*/ 3 h 2375"/>
                <a:gd name="T40" fmla="*/ 936 w 1976"/>
                <a:gd name="T41" fmla="*/ 1 h 2375"/>
                <a:gd name="T42" fmla="*/ 849 w 1976"/>
                <a:gd name="T43" fmla="*/ 22 h 2375"/>
                <a:gd name="T44" fmla="*/ 782 w 1976"/>
                <a:gd name="T45" fmla="*/ 67 h 2375"/>
                <a:gd name="T46" fmla="*/ 740 w 1976"/>
                <a:gd name="T47" fmla="*/ 130 h 2375"/>
                <a:gd name="T48" fmla="*/ 729 w 1976"/>
                <a:gd name="T49" fmla="*/ 184 h 2375"/>
                <a:gd name="T50" fmla="*/ 741 w 1976"/>
                <a:gd name="T51" fmla="*/ 242 h 2375"/>
                <a:gd name="T52" fmla="*/ 770 w 1976"/>
                <a:gd name="T53" fmla="*/ 282 h 2375"/>
                <a:gd name="T54" fmla="*/ 810 w 1976"/>
                <a:gd name="T55" fmla="*/ 314 h 2375"/>
                <a:gd name="T56" fmla="*/ 841 w 1976"/>
                <a:gd name="T57" fmla="*/ 338 h 2375"/>
                <a:gd name="T58" fmla="*/ 850 w 1976"/>
                <a:gd name="T59" fmla="*/ 364 h 2375"/>
                <a:gd name="T60" fmla="*/ 836 w 1976"/>
                <a:gd name="T61" fmla="*/ 385 h 2375"/>
                <a:gd name="T62" fmla="*/ 798 w 1976"/>
                <a:gd name="T63" fmla="*/ 394 h 2375"/>
                <a:gd name="T64" fmla="*/ 0 w 1976"/>
                <a:gd name="T65" fmla="*/ 1199 h 2375"/>
                <a:gd name="T66" fmla="*/ 4 w 1976"/>
                <a:gd name="T67" fmla="*/ 1228 h 2375"/>
                <a:gd name="T68" fmla="*/ 24 w 1976"/>
                <a:gd name="T69" fmla="*/ 1249 h 2375"/>
                <a:gd name="T70" fmla="*/ 49 w 1976"/>
                <a:gd name="T71" fmla="*/ 1246 h 2375"/>
                <a:gd name="T72" fmla="*/ 76 w 1976"/>
                <a:gd name="T73" fmla="*/ 1219 h 2375"/>
                <a:gd name="T74" fmla="*/ 99 w 1976"/>
                <a:gd name="T75" fmla="*/ 1185 h 2375"/>
                <a:gd name="T76" fmla="*/ 140 w 1976"/>
                <a:gd name="T77" fmla="*/ 1148 h 2375"/>
                <a:gd name="T78" fmla="*/ 194 w 1976"/>
                <a:gd name="T79" fmla="*/ 1130 h 2375"/>
                <a:gd name="T80" fmla="*/ 248 w 1976"/>
                <a:gd name="T81" fmla="*/ 1134 h 2375"/>
                <a:gd name="T82" fmla="*/ 314 w 1976"/>
                <a:gd name="T83" fmla="*/ 1169 h 2375"/>
                <a:gd name="T84" fmla="*/ 363 w 1976"/>
                <a:gd name="T85" fmla="*/ 1230 h 2375"/>
                <a:gd name="T86" fmla="*/ 392 w 1976"/>
                <a:gd name="T87" fmla="*/ 1312 h 2375"/>
                <a:gd name="T88" fmla="*/ 393 w 1976"/>
                <a:gd name="T89" fmla="*/ 1382 h 2375"/>
                <a:gd name="T90" fmla="*/ 372 w 1976"/>
                <a:gd name="T91" fmla="*/ 1468 h 2375"/>
                <a:gd name="T92" fmla="*/ 327 w 1976"/>
                <a:gd name="T93" fmla="*/ 1536 h 2375"/>
                <a:gd name="T94" fmla="*/ 265 w 1976"/>
                <a:gd name="T95" fmla="*/ 1578 h 2375"/>
                <a:gd name="T96" fmla="*/ 211 w 1976"/>
                <a:gd name="T97" fmla="*/ 1589 h 23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76" h="2375">
                  <a:moveTo>
                    <a:pt x="211" y="1589"/>
                  </a:moveTo>
                  <a:lnTo>
                    <a:pt x="211" y="1589"/>
                  </a:lnTo>
                  <a:lnTo>
                    <a:pt x="194" y="1587"/>
                  </a:lnTo>
                  <a:lnTo>
                    <a:pt x="179" y="1584"/>
                  </a:lnTo>
                  <a:lnTo>
                    <a:pt x="164" y="1581"/>
                  </a:lnTo>
                  <a:lnTo>
                    <a:pt x="152" y="1575"/>
                  </a:lnTo>
                  <a:lnTo>
                    <a:pt x="140" y="1569"/>
                  </a:lnTo>
                  <a:lnTo>
                    <a:pt x="130" y="1563"/>
                  </a:lnTo>
                  <a:lnTo>
                    <a:pt x="121" y="1556"/>
                  </a:lnTo>
                  <a:lnTo>
                    <a:pt x="112" y="1548"/>
                  </a:lnTo>
                  <a:lnTo>
                    <a:pt x="99" y="1533"/>
                  </a:lnTo>
                  <a:lnTo>
                    <a:pt x="88" y="1520"/>
                  </a:lnTo>
                  <a:lnTo>
                    <a:pt x="81" y="1508"/>
                  </a:lnTo>
                  <a:lnTo>
                    <a:pt x="81" y="1508"/>
                  </a:lnTo>
                  <a:lnTo>
                    <a:pt x="76" y="1498"/>
                  </a:lnTo>
                  <a:lnTo>
                    <a:pt x="70" y="1489"/>
                  </a:lnTo>
                  <a:lnTo>
                    <a:pt x="63" y="1481"/>
                  </a:lnTo>
                  <a:lnTo>
                    <a:pt x="57" y="1475"/>
                  </a:lnTo>
                  <a:lnTo>
                    <a:pt x="49" y="1471"/>
                  </a:lnTo>
                  <a:lnTo>
                    <a:pt x="43" y="1468"/>
                  </a:lnTo>
                  <a:lnTo>
                    <a:pt x="36" y="1468"/>
                  </a:lnTo>
                  <a:lnTo>
                    <a:pt x="30" y="1468"/>
                  </a:lnTo>
                  <a:lnTo>
                    <a:pt x="24" y="1469"/>
                  </a:lnTo>
                  <a:lnTo>
                    <a:pt x="18" y="1472"/>
                  </a:lnTo>
                  <a:lnTo>
                    <a:pt x="13" y="1477"/>
                  </a:lnTo>
                  <a:lnTo>
                    <a:pt x="9" y="1483"/>
                  </a:lnTo>
                  <a:lnTo>
                    <a:pt x="4" y="1489"/>
                  </a:lnTo>
                  <a:lnTo>
                    <a:pt x="1" y="1498"/>
                  </a:lnTo>
                  <a:lnTo>
                    <a:pt x="0" y="1508"/>
                  </a:lnTo>
                  <a:lnTo>
                    <a:pt x="0" y="1520"/>
                  </a:lnTo>
                  <a:lnTo>
                    <a:pt x="0" y="2375"/>
                  </a:lnTo>
                  <a:lnTo>
                    <a:pt x="1976" y="2375"/>
                  </a:lnTo>
                  <a:lnTo>
                    <a:pt x="1976" y="396"/>
                  </a:lnTo>
                  <a:lnTo>
                    <a:pt x="1522" y="396"/>
                  </a:lnTo>
                  <a:lnTo>
                    <a:pt x="1522" y="394"/>
                  </a:lnTo>
                  <a:lnTo>
                    <a:pt x="1120" y="394"/>
                  </a:lnTo>
                  <a:lnTo>
                    <a:pt x="1120" y="394"/>
                  </a:lnTo>
                  <a:lnTo>
                    <a:pt x="1108" y="394"/>
                  </a:lnTo>
                  <a:lnTo>
                    <a:pt x="1097" y="393"/>
                  </a:lnTo>
                  <a:lnTo>
                    <a:pt x="1088" y="390"/>
                  </a:lnTo>
                  <a:lnTo>
                    <a:pt x="1082" y="385"/>
                  </a:lnTo>
                  <a:lnTo>
                    <a:pt x="1076" y="381"/>
                  </a:lnTo>
                  <a:lnTo>
                    <a:pt x="1072" y="376"/>
                  </a:lnTo>
                  <a:lnTo>
                    <a:pt x="1069" y="370"/>
                  </a:lnTo>
                  <a:lnTo>
                    <a:pt x="1067" y="364"/>
                  </a:lnTo>
                  <a:lnTo>
                    <a:pt x="1067" y="358"/>
                  </a:lnTo>
                  <a:lnTo>
                    <a:pt x="1067" y="351"/>
                  </a:lnTo>
                  <a:lnTo>
                    <a:pt x="1070" y="345"/>
                  </a:lnTo>
                  <a:lnTo>
                    <a:pt x="1075" y="338"/>
                  </a:lnTo>
                  <a:lnTo>
                    <a:pt x="1081" y="332"/>
                  </a:lnTo>
                  <a:lnTo>
                    <a:pt x="1088" y="324"/>
                  </a:lnTo>
                  <a:lnTo>
                    <a:pt x="1097" y="318"/>
                  </a:lnTo>
                  <a:lnTo>
                    <a:pt x="1108" y="314"/>
                  </a:lnTo>
                  <a:lnTo>
                    <a:pt x="1108" y="314"/>
                  </a:lnTo>
                  <a:lnTo>
                    <a:pt x="1120" y="306"/>
                  </a:lnTo>
                  <a:lnTo>
                    <a:pt x="1133" y="296"/>
                  </a:lnTo>
                  <a:lnTo>
                    <a:pt x="1148" y="282"/>
                  </a:lnTo>
                  <a:lnTo>
                    <a:pt x="1155" y="273"/>
                  </a:lnTo>
                  <a:lnTo>
                    <a:pt x="1163" y="264"/>
                  </a:lnTo>
                  <a:lnTo>
                    <a:pt x="1169" y="254"/>
                  </a:lnTo>
                  <a:lnTo>
                    <a:pt x="1175" y="242"/>
                  </a:lnTo>
                  <a:lnTo>
                    <a:pt x="1181" y="230"/>
                  </a:lnTo>
                  <a:lnTo>
                    <a:pt x="1184" y="215"/>
                  </a:lnTo>
                  <a:lnTo>
                    <a:pt x="1187" y="200"/>
                  </a:lnTo>
                  <a:lnTo>
                    <a:pt x="1188" y="184"/>
                  </a:lnTo>
                  <a:lnTo>
                    <a:pt x="1188" y="184"/>
                  </a:lnTo>
                  <a:lnTo>
                    <a:pt x="1187" y="166"/>
                  </a:lnTo>
                  <a:lnTo>
                    <a:pt x="1184" y="146"/>
                  </a:lnTo>
                  <a:lnTo>
                    <a:pt x="1178" y="130"/>
                  </a:lnTo>
                  <a:lnTo>
                    <a:pt x="1170" y="112"/>
                  </a:lnTo>
                  <a:lnTo>
                    <a:pt x="1160" y="95"/>
                  </a:lnTo>
                  <a:lnTo>
                    <a:pt x="1149" y="80"/>
                  </a:lnTo>
                  <a:lnTo>
                    <a:pt x="1136" y="67"/>
                  </a:lnTo>
                  <a:lnTo>
                    <a:pt x="1121" y="53"/>
                  </a:lnTo>
                  <a:lnTo>
                    <a:pt x="1105" y="42"/>
                  </a:lnTo>
                  <a:lnTo>
                    <a:pt x="1087" y="31"/>
                  </a:lnTo>
                  <a:lnTo>
                    <a:pt x="1067" y="22"/>
                  </a:lnTo>
                  <a:lnTo>
                    <a:pt x="1048" y="15"/>
                  </a:lnTo>
                  <a:lnTo>
                    <a:pt x="1027" y="7"/>
                  </a:lnTo>
                  <a:lnTo>
                    <a:pt x="1004" y="3"/>
                  </a:lnTo>
                  <a:lnTo>
                    <a:pt x="982" y="1"/>
                  </a:lnTo>
                  <a:lnTo>
                    <a:pt x="958" y="0"/>
                  </a:lnTo>
                  <a:lnTo>
                    <a:pt x="958" y="0"/>
                  </a:lnTo>
                  <a:lnTo>
                    <a:pt x="936" y="1"/>
                  </a:lnTo>
                  <a:lnTo>
                    <a:pt x="912" y="3"/>
                  </a:lnTo>
                  <a:lnTo>
                    <a:pt x="891" y="7"/>
                  </a:lnTo>
                  <a:lnTo>
                    <a:pt x="870" y="15"/>
                  </a:lnTo>
                  <a:lnTo>
                    <a:pt x="849" y="22"/>
                  </a:lnTo>
                  <a:lnTo>
                    <a:pt x="830" y="31"/>
                  </a:lnTo>
                  <a:lnTo>
                    <a:pt x="813" y="42"/>
                  </a:lnTo>
                  <a:lnTo>
                    <a:pt x="797" y="53"/>
                  </a:lnTo>
                  <a:lnTo>
                    <a:pt x="782" y="67"/>
                  </a:lnTo>
                  <a:lnTo>
                    <a:pt x="768" y="80"/>
                  </a:lnTo>
                  <a:lnTo>
                    <a:pt x="756" y="95"/>
                  </a:lnTo>
                  <a:lnTo>
                    <a:pt x="747" y="112"/>
                  </a:lnTo>
                  <a:lnTo>
                    <a:pt x="740" y="130"/>
                  </a:lnTo>
                  <a:lnTo>
                    <a:pt x="734" y="146"/>
                  </a:lnTo>
                  <a:lnTo>
                    <a:pt x="731" y="166"/>
                  </a:lnTo>
                  <a:lnTo>
                    <a:pt x="729" y="184"/>
                  </a:lnTo>
                  <a:lnTo>
                    <a:pt x="729" y="184"/>
                  </a:lnTo>
                  <a:lnTo>
                    <a:pt x="729" y="200"/>
                  </a:lnTo>
                  <a:lnTo>
                    <a:pt x="732" y="215"/>
                  </a:lnTo>
                  <a:lnTo>
                    <a:pt x="737" y="230"/>
                  </a:lnTo>
                  <a:lnTo>
                    <a:pt x="741" y="242"/>
                  </a:lnTo>
                  <a:lnTo>
                    <a:pt x="747" y="254"/>
                  </a:lnTo>
                  <a:lnTo>
                    <a:pt x="755" y="264"/>
                  </a:lnTo>
                  <a:lnTo>
                    <a:pt x="762" y="273"/>
                  </a:lnTo>
                  <a:lnTo>
                    <a:pt x="770" y="282"/>
                  </a:lnTo>
                  <a:lnTo>
                    <a:pt x="785" y="296"/>
                  </a:lnTo>
                  <a:lnTo>
                    <a:pt x="797" y="306"/>
                  </a:lnTo>
                  <a:lnTo>
                    <a:pt x="810" y="314"/>
                  </a:lnTo>
                  <a:lnTo>
                    <a:pt x="810" y="314"/>
                  </a:lnTo>
                  <a:lnTo>
                    <a:pt x="819" y="318"/>
                  </a:lnTo>
                  <a:lnTo>
                    <a:pt x="828" y="324"/>
                  </a:lnTo>
                  <a:lnTo>
                    <a:pt x="836" y="332"/>
                  </a:lnTo>
                  <a:lnTo>
                    <a:pt x="841" y="338"/>
                  </a:lnTo>
                  <a:lnTo>
                    <a:pt x="846" y="345"/>
                  </a:lnTo>
                  <a:lnTo>
                    <a:pt x="849" y="351"/>
                  </a:lnTo>
                  <a:lnTo>
                    <a:pt x="850" y="358"/>
                  </a:lnTo>
                  <a:lnTo>
                    <a:pt x="850" y="364"/>
                  </a:lnTo>
                  <a:lnTo>
                    <a:pt x="849" y="370"/>
                  </a:lnTo>
                  <a:lnTo>
                    <a:pt x="846" y="376"/>
                  </a:lnTo>
                  <a:lnTo>
                    <a:pt x="841" y="381"/>
                  </a:lnTo>
                  <a:lnTo>
                    <a:pt x="836" y="385"/>
                  </a:lnTo>
                  <a:lnTo>
                    <a:pt x="828" y="390"/>
                  </a:lnTo>
                  <a:lnTo>
                    <a:pt x="819" y="393"/>
                  </a:lnTo>
                  <a:lnTo>
                    <a:pt x="809" y="394"/>
                  </a:lnTo>
                  <a:lnTo>
                    <a:pt x="798" y="394"/>
                  </a:lnTo>
                  <a:lnTo>
                    <a:pt x="547" y="394"/>
                  </a:lnTo>
                  <a:lnTo>
                    <a:pt x="547" y="396"/>
                  </a:lnTo>
                  <a:lnTo>
                    <a:pt x="0" y="396"/>
                  </a:lnTo>
                  <a:lnTo>
                    <a:pt x="0" y="1199"/>
                  </a:lnTo>
                  <a:lnTo>
                    <a:pt x="0" y="1199"/>
                  </a:lnTo>
                  <a:lnTo>
                    <a:pt x="0" y="1209"/>
                  </a:lnTo>
                  <a:lnTo>
                    <a:pt x="1" y="1219"/>
                  </a:lnTo>
                  <a:lnTo>
                    <a:pt x="4" y="1228"/>
                  </a:lnTo>
                  <a:lnTo>
                    <a:pt x="9" y="1236"/>
                  </a:lnTo>
                  <a:lnTo>
                    <a:pt x="13" y="1242"/>
                  </a:lnTo>
                  <a:lnTo>
                    <a:pt x="18" y="1246"/>
                  </a:lnTo>
                  <a:lnTo>
                    <a:pt x="24" y="1249"/>
                  </a:lnTo>
                  <a:lnTo>
                    <a:pt x="30" y="1251"/>
                  </a:lnTo>
                  <a:lnTo>
                    <a:pt x="36" y="1251"/>
                  </a:lnTo>
                  <a:lnTo>
                    <a:pt x="43" y="1249"/>
                  </a:lnTo>
                  <a:lnTo>
                    <a:pt x="49" y="1246"/>
                  </a:lnTo>
                  <a:lnTo>
                    <a:pt x="57" y="1242"/>
                  </a:lnTo>
                  <a:lnTo>
                    <a:pt x="63" y="1236"/>
                  </a:lnTo>
                  <a:lnTo>
                    <a:pt x="70" y="1228"/>
                  </a:lnTo>
                  <a:lnTo>
                    <a:pt x="76" y="1219"/>
                  </a:lnTo>
                  <a:lnTo>
                    <a:pt x="81" y="1211"/>
                  </a:lnTo>
                  <a:lnTo>
                    <a:pt x="81" y="1211"/>
                  </a:lnTo>
                  <a:lnTo>
                    <a:pt x="88" y="1197"/>
                  </a:lnTo>
                  <a:lnTo>
                    <a:pt x="99" y="1185"/>
                  </a:lnTo>
                  <a:lnTo>
                    <a:pt x="112" y="1170"/>
                  </a:lnTo>
                  <a:lnTo>
                    <a:pt x="121" y="1163"/>
                  </a:lnTo>
                  <a:lnTo>
                    <a:pt x="130" y="1155"/>
                  </a:lnTo>
                  <a:lnTo>
                    <a:pt x="140" y="1148"/>
                  </a:lnTo>
                  <a:lnTo>
                    <a:pt x="152" y="1142"/>
                  </a:lnTo>
                  <a:lnTo>
                    <a:pt x="164" y="1137"/>
                  </a:lnTo>
                  <a:lnTo>
                    <a:pt x="179" y="1133"/>
                  </a:lnTo>
                  <a:lnTo>
                    <a:pt x="194" y="1130"/>
                  </a:lnTo>
                  <a:lnTo>
                    <a:pt x="211" y="1130"/>
                  </a:lnTo>
                  <a:lnTo>
                    <a:pt x="211" y="1130"/>
                  </a:lnTo>
                  <a:lnTo>
                    <a:pt x="229" y="1131"/>
                  </a:lnTo>
                  <a:lnTo>
                    <a:pt x="248" y="1134"/>
                  </a:lnTo>
                  <a:lnTo>
                    <a:pt x="265" y="1140"/>
                  </a:lnTo>
                  <a:lnTo>
                    <a:pt x="282" y="1148"/>
                  </a:lnTo>
                  <a:lnTo>
                    <a:pt x="299" y="1157"/>
                  </a:lnTo>
                  <a:lnTo>
                    <a:pt x="314" y="1169"/>
                  </a:lnTo>
                  <a:lnTo>
                    <a:pt x="327" y="1182"/>
                  </a:lnTo>
                  <a:lnTo>
                    <a:pt x="341" y="1197"/>
                  </a:lnTo>
                  <a:lnTo>
                    <a:pt x="353" y="1214"/>
                  </a:lnTo>
                  <a:lnTo>
                    <a:pt x="363" y="1230"/>
                  </a:lnTo>
                  <a:lnTo>
                    <a:pt x="372" y="1249"/>
                  </a:lnTo>
                  <a:lnTo>
                    <a:pt x="380" y="1270"/>
                  </a:lnTo>
                  <a:lnTo>
                    <a:pt x="387" y="1291"/>
                  </a:lnTo>
                  <a:lnTo>
                    <a:pt x="392" y="1312"/>
                  </a:lnTo>
                  <a:lnTo>
                    <a:pt x="393" y="1336"/>
                  </a:lnTo>
                  <a:lnTo>
                    <a:pt x="395" y="1359"/>
                  </a:lnTo>
                  <a:lnTo>
                    <a:pt x="395" y="1359"/>
                  </a:lnTo>
                  <a:lnTo>
                    <a:pt x="393" y="1382"/>
                  </a:lnTo>
                  <a:lnTo>
                    <a:pt x="392" y="1405"/>
                  </a:lnTo>
                  <a:lnTo>
                    <a:pt x="387" y="1427"/>
                  </a:lnTo>
                  <a:lnTo>
                    <a:pt x="380" y="1448"/>
                  </a:lnTo>
                  <a:lnTo>
                    <a:pt x="372" y="1468"/>
                  </a:lnTo>
                  <a:lnTo>
                    <a:pt x="363" y="1487"/>
                  </a:lnTo>
                  <a:lnTo>
                    <a:pt x="353" y="1505"/>
                  </a:lnTo>
                  <a:lnTo>
                    <a:pt x="341" y="1521"/>
                  </a:lnTo>
                  <a:lnTo>
                    <a:pt x="327" y="1536"/>
                  </a:lnTo>
                  <a:lnTo>
                    <a:pt x="314" y="1548"/>
                  </a:lnTo>
                  <a:lnTo>
                    <a:pt x="299" y="1560"/>
                  </a:lnTo>
                  <a:lnTo>
                    <a:pt x="282" y="1571"/>
                  </a:lnTo>
                  <a:lnTo>
                    <a:pt x="265" y="1578"/>
                  </a:lnTo>
                  <a:lnTo>
                    <a:pt x="248" y="1584"/>
                  </a:lnTo>
                  <a:lnTo>
                    <a:pt x="229" y="1587"/>
                  </a:lnTo>
                  <a:lnTo>
                    <a:pt x="211" y="1589"/>
                  </a:lnTo>
                  <a:lnTo>
                    <a:pt x="211" y="1589"/>
                  </a:lnTo>
                  <a:close/>
                </a:path>
              </a:pathLst>
            </a:custGeom>
            <a:solidFill>
              <a:schemeClr val="accent6">
                <a:lumMod val="40000"/>
                <a:lumOff val="60000"/>
              </a:schemeClr>
            </a:solidFill>
            <a:ln w="28575">
              <a:solidFill>
                <a:schemeClr val="bg1">
                  <a:lumMod val="50000"/>
                </a:schemeClr>
              </a:solidFill>
              <a:prstDash val="solid"/>
              <a:round/>
              <a:headEnd/>
              <a:tailEnd/>
            </a:ln>
          </p:spPr>
          <p:txBody>
            <a:bodyPr lIns="324000" tIns="288000" anchor="ctr"/>
            <a:lstStyle/>
            <a:p>
              <a:pPr algn="ctr" eaLnBrk="1" hangingPunct="1">
                <a:defRPr/>
              </a:pPr>
              <a:r>
                <a:rPr lang="en-US" dirty="0">
                  <a:cs typeface="Arial" charset="0"/>
                </a:rPr>
                <a:t>Alzheimer’s</a:t>
              </a:r>
            </a:p>
            <a:p>
              <a:pPr algn="ctr" eaLnBrk="1" hangingPunct="1">
                <a:defRPr/>
              </a:pPr>
              <a:r>
                <a:rPr lang="en-US" dirty="0">
                  <a:cs typeface="Arial" charset="0"/>
                </a:rPr>
                <a:t>&amp; Dementia</a:t>
              </a:r>
              <a:endParaRPr lang="en-GB" dirty="0">
                <a:cs typeface="Arial" charset="0"/>
              </a:endParaRPr>
            </a:p>
          </p:txBody>
        </p:sp>
        <p:sp>
          <p:nvSpPr>
            <p:cNvPr id="20" name="Freeform 9">
              <a:extLst>
                <a:ext uri="{FF2B5EF4-FFF2-40B4-BE49-F238E27FC236}">
                  <a16:creationId xmlns:a16="http://schemas.microsoft.com/office/drawing/2014/main" id="{FA4F1D57-1219-C649-B277-B2C9532B6350}"/>
                </a:ext>
              </a:extLst>
            </p:cNvPr>
            <p:cNvSpPr>
              <a:spLocks/>
            </p:cNvSpPr>
            <p:nvPr/>
          </p:nvSpPr>
          <p:spPr bwMode="auto">
            <a:xfrm>
              <a:off x="6099176"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accent4">
                <a:lumMod val="60000"/>
                <a:lumOff val="4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Chronic </a:t>
              </a:r>
            </a:p>
            <a:p>
              <a:pPr algn="ctr" eaLnBrk="1" hangingPunct="1">
                <a:defRPr/>
              </a:pPr>
              <a:r>
                <a:rPr lang="en-US" dirty="0">
                  <a:cs typeface="Arial" charset="0"/>
                </a:rPr>
                <a:t>Pain &amp; </a:t>
              </a:r>
            </a:p>
            <a:p>
              <a:pPr algn="ctr" eaLnBrk="1" hangingPunct="1">
                <a:defRPr/>
              </a:pPr>
              <a:r>
                <a:rPr lang="en-US" dirty="0">
                  <a:cs typeface="Arial" charset="0"/>
                </a:rPr>
                <a:t>Opioids</a:t>
              </a:r>
              <a:endParaRPr lang="en-GB" dirty="0">
                <a:cs typeface="Arial" charset="0"/>
              </a:endParaRPr>
            </a:p>
          </p:txBody>
        </p:sp>
        <p:sp>
          <p:nvSpPr>
            <p:cNvPr id="21" name="Freeform 7">
              <a:extLst>
                <a:ext uri="{FF2B5EF4-FFF2-40B4-BE49-F238E27FC236}">
                  <a16:creationId xmlns:a16="http://schemas.microsoft.com/office/drawing/2014/main" id="{3BA6BAE4-DFF8-D043-90BF-F735D49540B0}"/>
                </a:ext>
              </a:extLst>
            </p:cNvPr>
            <p:cNvSpPr>
              <a:spLocks/>
            </p:cNvSpPr>
            <p:nvPr/>
          </p:nvSpPr>
          <p:spPr bwMode="auto">
            <a:xfrm>
              <a:off x="4841082"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accent4">
                <a:lumMod val="60000"/>
                <a:lumOff val="40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Type 2 </a:t>
              </a:r>
            </a:p>
            <a:p>
              <a:pPr algn="ctr" eaLnBrk="1" hangingPunct="1">
                <a:defRPr/>
              </a:pPr>
              <a:r>
                <a:rPr lang="en-US" dirty="0">
                  <a:cs typeface="Arial" charset="0"/>
                </a:rPr>
                <a:t>Diabetes</a:t>
              </a:r>
              <a:endParaRPr lang="en-GB" dirty="0">
                <a:cs typeface="Arial" charset="0"/>
              </a:endParaRPr>
            </a:p>
          </p:txBody>
        </p:sp>
        <p:sp>
          <p:nvSpPr>
            <p:cNvPr id="22" name="Freeform 8">
              <a:extLst>
                <a:ext uri="{FF2B5EF4-FFF2-40B4-BE49-F238E27FC236}">
                  <a16:creationId xmlns:a16="http://schemas.microsoft.com/office/drawing/2014/main" id="{1294D12A-BF11-0C47-BFE1-6788B283E98F}"/>
                </a:ext>
              </a:extLst>
            </p:cNvPr>
            <p:cNvSpPr>
              <a:spLocks/>
            </p:cNvSpPr>
            <p:nvPr/>
          </p:nvSpPr>
          <p:spPr bwMode="auto">
            <a:xfrm>
              <a:off x="4517232" y="1656584"/>
              <a:ext cx="1885950" cy="1882775"/>
            </a:xfrm>
            <a:custGeom>
              <a:avLst/>
              <a:gdLst>
                <a:gd name="T0" fmla="*/ 2222 w 2377"/>
                <a:gd name="T1" fmla="*/ 795 h 2371"/>
                <a:gd name="T2" fmla="*/ 2275 w 2377"/>
                <a:gd name="T3" fmla="*/ 827 h 2371"/>
                <a:gd name="T4" fmla="*/ 2314 w 2377"/>
                <a:gd name="T5" fmla="*/ 882 h 2371"/>
                <a:gd name="T6" fmla="*/ 2362 w 2377"/>
                <a:gd name="T7" fmla="*/ 907 h 2371"/>
                <a:gd name="T8" fmla="*/ 395 w 2377"/>
                <a:gd name="T9" fmla="*/ 855 h 2371"/>
                <a:gd name="T10" fmla="*/ 386 w 2377"/>
                <a:gd name="T11" fmla="*/ 892 h 2371"/>
                <a:gd name="T12" fmla="*/ 358 w 2377"/>
                <a:gd name="T13" fmla="*/ 907 h 2371"/>
                <a:gd name="T14" fmla="*/ 325 w 2377"/>
                <a:gd name="T15" fmla="*/ 886 h 2371"/>
                <a:gd name="T16" fmla="*/ 296 w 2377"/>
                <a:gd name="T17" fmla="*/ 842 h 2371"/>
                <a:gd name="T18" fmla="*/ 242 w 2377"/>
                <a:gd name="T19" fmla="*/ 800 h 2371"/>
                <a:gd name="T20" fmla="*/ 184 w 2377"/>
                <a:gd name="T21" fmla="*/ 786 h 2371"/>
                <a:gd name="T22" fmla="*/ 96 w 2377"/>
                <a:gd name="T23" fmla="*/ 815 h 2371"/>
                <a:gd name="T24" fmla="*/ 32 w 2377"/>
                <a:gd name="T25" fmla="*/ 888 h 2371"/>
                <a:gd name="T26" fmla="*/ 0 w 2377"/>
                <a:gd name="T27" fmla="*/ 993 h 2371"/>
                <a:gd name="T28" fmla="*/ 8 w 2377"/>
                <a:gd name="T29" fmla="*/ 1084 h 2371"/>
                <a:gd name="T30" fmla="*/ 54 w 2377"/>
                <a:gd name="T31" fmla="*/ 1178 h 2371"/>
                <a:gd name="T32" fmla="*/ 129 w 2377"/>
                <a:gd name="T33" fmla="*/ 1235 h 2371"/>
                <a:gd name="T34" fmla="*/ 201 w 2377"/>
                <a:gd name="T35" fmla="*/ 1245 h 2371"/>
                <a:gd name="T36" fmla="*/ 265 w 2377"/>
                <a:gd name="T37" fmla="*/ 1220 h 2371"/>
                <a:gd name="T38" fmla="*/ 313 w 2377"/>
                <a:gd name="T39" fmla="*/ 1164 h 2371"/>
                <a:gd name="T40" fmla="*/ 338 w 2377"/>
                <a:gd name="T41" fmla="*/ 1133 h 2371"/>
                <a:gd name="T42" fmla="*/ 371 w 2377"/>
                <a:gd name="T43" fmla="*/ 1126 h 2371"/>
                <a:gd name="T44" fmla="*/ 392 w 2377"/>
                <a:gd name="T45" fmla="*/ 1155 h 2371"/>
                <a:gd name="T46" fmla="*/ 1256 w 2377"/>
                <a:gd name="T47" fmla="*/ 1976 h 2371"/>
                <a:gd name="T48" fmla="*/ 1298 w 2377"/>
                <a:gd name="T49" fmla="*/ 1990 h 2371"/>
                <a:gd name="T50" fmla="*/ 1305 w 2377"/>
                <a:gd name="T51" fmla="*/ 2020 h 2371"/>
                <a:gd name="T52" fmla="*/ 1275 w 2377"/>
                <a:gd name="T53" fmla="*/ 2052 h 2371"/>
                <a:gd name="T54" fmla="*/ 1225 w 2377"/>
                <a:gd name="T55" fmla="*/ 2088 h 2371"/>
                <a:gd name="T56" fmla="*/ 1193 w 2377"/>
                <a:gd name="T57" fmla="*/ 2141 h 2371"/>
                <a:gd name="T58" fmla="*/ 1186 w 2377"/>
                <a:gd name="T59" fmla="*/ 2206 h 2371"/>
                <a:gd name="T60" fmla="*/ 1225 w 2377"/>
                <a:gd name="T61" fmla="*/ 2290 h 2371"/>
                <a:gd name="T62" fmla="*/ 1305 w 2377"/>
                <a:gd name="T63" fmla="*/ 2348 h 2371"/>
                <a:gd name="T64" fmla="*/ 1414 w 2377"/>
                <a:gd name="T65" fmla="*/ 2371 h 2371"/>
                <a:gd name="T66" fmla="*/ 1504 w 2377"/>
                <a:gd name="T67" fmla="*/ 2357 h 2371"/>
                <a:gd name="T68" fmla="*/ 1591 w 2377"/>
                <a:gd name="T69" fmla="*/ 2304 h 2371"/>
                <a:gd name="T70" fmla="*/ 1639 w 2377"/>
                <a:gd name="T71" fmla="*/ 2224 h 2371"/>
                <a:gd name="T72" fmla="*/ 1640 w 2377"/>
                <a:gd name="T73" fmla="*/ 2156 h 2371"/>
                <a:gd name="T74" fmla="*/ 1612 w 2377"/>
                <a:gd name="T75" fmla="*/ 2097 h 2371"/>
                <a:gd name="T76" fmla="*/ 1564 w 2377"/>
                <a:gd name="T77" fmla="*/ 2057 h 2371"/>
                <a:gd name="T78" fmla="*/ 1526 w 2377"/>
                <a:gd name="T79" fmla="*/ 2026 h 2371"/>
                <a:gd name="T80" fmla="*/ 1526 w 2377"/>
                <a:gd name="T81" fmla="*/ 1994 h 2371"/>
                <a:gd name="T82" fmla="*/ 1564 w 2377"/>
                <a:gd name="T83" fmla="*/ 1976 h 2371"/>
                <a:gd name="T84" fmla="*/ 2370 w 2377"/>
                <a:gd name="T85" fmla="*/ 1130 h 2371"/>
                <a:gd name="T86" fmla="*/ 2323 w 2377"/>
                <a:gd name="T87" fmla="*/ 1139 h 2371"/>
                <a:gd name="T88" fmla="*/ 2289 w 2377"/>
                <a:gd name="T89" fmla="*/ 1191 h 2371"/>
                <a:gd name="T90" fmla="*/ 2235 w 2377"/>
                <a:gd name="T91" fmla="*/ 1233 h 2371"/>
                <a:gd name="T92" fmla="*/ 2177 w 2377"/>
                <a:gd name="T93" fmla="*/ 1245 h 2371"/>
                <a:gd name="T94" fmla="*/ 2089 w 2377"/>
                <a:gd name="T95" fmla="*/ 1218 h 2371"/>
                <a:gd name="T96" fmla="*/ 2024 w 2377"/>
                <a:gd name="T97" fmla="*/ 1145 h 2371"/>
                <a:gd name="T98" fmla="*/ 1993 w 2377"/>
                <a:gd name="T99" fmla="*/ 1040 h 2371"/>
                <a:gd name="T100" fmla="*/ 2000 w 2377"/>
                <a:gd name="T101" fmla="*/ 948 h 2371"/>
                <a:gd name="T102" fmla="*/ 2047 w 2377"/>
                <a:gd name="T103" fmla="*/ 855 h 2371"/>
                <a:gd name="T104" fmla="*/ 2121 w 2377"/>
                <a:gd name="T105" fmla="*/ 797 h 2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7" h="2371">
                  <a:moveTo>
                    <a:pt x="2177" y="788"/>
                  </a:moveTo>
                  <a:lnTo>
                    <a:pt x="2177" y="788"/>
                  </a:lnTo>
                  <a:lnTo>
                    <a:pt x="2193" y="788"/>
                  </a:lnTo>
                  <a:lnTo>
                    <a:pt x="2208" y="791"/>
                  </a:lnTo>
                  <a:lnTo>
                    <a:pt x="2222" y="795"/>
                  </a:lnTo>
                  <a:lnTo>
                    <a:pt x="2235" y="800"/>
                  </a:lnTo>
                  <a:lnTo>
                    <a:pt x="2247" y="806"/>
                  </a:lnTo>
                  <a:lnTo>
                    <a:pt x="2257" y="813"/>
                  </a:lnTo>
                  <a:lnTo>
                    <a:pt x="2266" y="819"/>
                  </a:lnTo>
                  <a:lnTo>
                    <a:pt x="2275" y="827"/>
                  </a:lnTo>
                  <a:lnTo>
                    <a:pt x="2289" y="842"/>
                  </a:lnTo>
                  <a:lnTo>
                    <a:pt x="2298" y="855"/>
                  </a:lnTo>
                  <a:lnTo>
                    <a:pt x="2305" y="867"/>
                  </a:lnTo>
                  <a:lnTo>
                    <a:pt x="2305" y="867"/>
                  </a:lnTo>
                  <a:lnTo>
                    <a:pt x="2314" y="882"/>
                  </a:lnTo>
                  <a:lnTo>
                    <a:pt x="2323" y="894"/>
                  </a:lnTo>
                  <a:lnTo>
                    <a:pt x="2334" y="901"/>
                  </a:lnTo>
                  <a:lnTo>
                    <a:pt x="2343" y="907"/>
                  </a:lnTo>
                  <a:lnTo>
                    <a:pt x="2353" y="909"/>
                  </a:lnTo>
                  <a:lnTo>
                    <a:pt x="2362" y="907"/>
                  </a:lnTo>
                  <a:lnTo>
                    <a:pt x="2370" y="903"/>
                  </a:lnTo>
                  <a:lnTo>
                    <a:pt x="2377" y="895"/>
                  </a:lnTo>
                  <a:lnTo>
                    <a:pt x="2377" y="0"/>
                  </a:lnTo>
                  <a:lnTo>
                    <a:pt x="395" y="0"/>
                  </a:lnTo>
                  <a:lnTo>
                    <a:pt x="395" y="855"/>
                  </a:lnTo>
                  <a:lnTo>
                    <a:pt x="395" y="855"/>
                  </a:lnTo>
                  <a:lnTo>
                    <a:pt x="393" y="867"/>
                  </a:lnTo>
                  <a:lnTo>
                    <a:pt x="392" y="877"/>
                  </a:lnTo>
                  <a:lnTo>
                    <a:pt x="389" y="886"/>
                  </a:lnTo>
                  <a:lnTo>
                    <a:pt x="386" y="892"/>
                  </a:lnTo>
                  <a:lnTo>
                    <a:pt x="382" y="898"/>
                  </a:lnTo>
                  <a:lnTo>
                    <a:pt x="377" y="903"/>
                  </a:lnTo>
                  <a:lnTo>
                    <a:pt x="371" y="906"/>
                  </a:lnTo>
                  <a:lnTo>
                    <a:pt x="365" y="907"/>
                  </a:lnTo>
                  <a:lnTo>
                    <a:pt x="358" y="907"/>
                  </a:lnTo>
                  <a:lnTo>
                    <a:pt x="352" y="907"/>
                  </a:lnTo>
                  <a:lnTo>
                    <a:pt x="344" y="904"/>
                  </a:lnTo>
                  <a:lnTo>
                    <a:pt x="338" y="900"/>
                  </a:lnTo>
                  <a:lnTo>
                    <a:pt x="331" y="894"/>
                  </a:lnTo>
                  <a:lnTo>
                    <a:pt x="325" y="886"/>
                  </a:lnTo>
                  <a:lnTo>
                    <a:pt x="319" y="877"/>
                  </a:lnTo>
                  <a:lnTo>
                    <a:pt x="313" y="867"/>
                  </a:lnTo>
                  <a:lnTo>
                    <a:pt x="313" y="867"/>
                  </a:lnTo>
                  <a:lnTo>
                    <a:pt x="305" y="855"/>
                  </a:lnTo>
                  <a:lnTo>
                    <a:pt x="296" y="842"/>
                  </a:lnTo>
                  <a:lnTo>
                    <a:pt x="283" y="827"/>
                  </a:lnTo>
                  <a:lnTo>
                    <a:pt x="274" y="819"/>
                  </a:lnTo>
                  <a:lnTo>
                    <a:pt x="265" y="812"/>
                  </a:lnTo>
                  <a:lnTo>
                    <a:pt x="254" y="806"/>
                  </a:lnTo>
                  <a:lnTo>
                    <a:pt x="242" y="800"/>
                  </a:lnTo>
                  <a:lnTo>
                    <a:pt x="229" y="794"/>
                  </a:lnTo>
                  <a:lnTo>
                    <a:pt x="216" y="791"/>
                  </a:lnTo>
                  <a:lnTo>
                    <a:pt x="201" y="788"/>
                  </a:lnTo>
                  <a:lnTo>
                    <a:pt x="184" y="786"/>
                  </a:lnTo>
                  <a:lnTo>
                    <a:pt x="184" y="786"/>
                  </a:lnTo>
                  <a:lnTo>
                    <a:pt x="165" y="788"/>
                  </a:lnTo>
                  <a:lnTo>
                    <a:pt x="147" y="791"/>
                  </a:lnTo>
                  <a:lnTo>
                    <a:pt x="129" y="797"/>
                  </a:lnTo>
                  <a:lnTo>
                    <a:pt x="112" y="804"/>
                  </a:lnTo>
                  <a:lnTo>
                    <a:pt x="96" y="815"/>
                  </a:lnTo>
                  <a:lnTo>
                    <a:pt x="81" y="825"/>
                  </a:lnTo>
                  <a:lnTo>
                    <a:pt x="66" y="839"/>
                  </a:lnTo>
                  <a:lnTo>
                    <a:pt x="54" y="854"/>
                  </a:lnTo>
                  <a:lnTo>
                    <a:pt x="42" y="870"/>
                  </a:lnTo>
                  <a:lnTo>
                    <a:pt x="32" y="888"/>
                  </a:lnTo>
                  <a:lnTo>
                    <a:pt x="21" y="907"/>
                  </a:lnTo>
                  <a:lnTo>
                    <a:pt x="14" y="927"/>
                  </a:lnTo>
                  <a:lnTo>
                    <a:pt x="8" y="948"/>
                  </a:lnTo>
                  <a:lnTo>
                    <a:pt x="3" y="970"/>
                  </a:lnTo>
                  <a:lnTo>
                    <a:pt x="0" y="993"/>
                  </a:lnTo>
                  <a:lnTo>
                    <a:pt x="0" y="1016"/>
                  </a:lnTo>
                  <a:lnTo>
                    <a:pt x="0" y="1016"/>
                  </a:lnTo>
                  <a:lnTo>
                    <a:pt x="0" y="1039"/>
                  </a:lnTo>
                  <a:lnTo>
                    <a:pt x="3" y="1063"/>
                  </a:lnTo>
                  <a:lnTo>
                    <a:pt x="8" y="1084"/>
                  </a:lnTo>
                  <a:lnTo>
                    <a:pt x="14" y="1105"/>
                  </a:lnTo>
                  <a:lnTo>
                    <a:pt x="21" y="1126"/>
                  </a:lnTo>
                  <a:lnTo>
                    <a:pt x="32" y="1145"/>
                  </a:lnTo>
                  <a:lnTo>
                    <a:pt x="42" y="1161"/>
                  </a:lnTo>
                  <a:lnTo>
                    <a:pt x="54" y="1178"/>
                  </a:lnTo>
                  <a:lnTo>
                    <a:pt x="66" y="1193"/>
                  </a:lnTo>
                  <a:lnTo>
                    <a:pt x="81" y="1206"/>
                  </a:lnTo>
                  <a:lnTo>
                    <a:pt x="96" y="1218"/>
                  </a:lnTo>
                  <a:lnTo>
                    <a:pt x="112" y="1227"/>
                  </a:lnTo>
                  <a:lnTo>
                    <a:pt x="129" y="1235"/>
                  </a:lnTo>
                  <a:lnTo>
                    <a:pt x="147" y="1241"/>
                  </a:lnTo>
                  <a:lnTo>
                    <a:pt x="165" y="1244"/>
                  </a:lnTo>
                  <a:lnTo>
                    <a:pt x="184" y="1245"/>
                  </a:lnTo>
                  <a:lnTo>
                    <a:pt x="184" y="1245"/>
                  </a:lnTo>
                  <a:lnTo>
                    <a:pt x="201" y="1245"/>
                  </a:lnTo>
                  <a:lnTo>
                    <a:pt x="216" y="1242"/>
                  </a:lnTo>
                  <a:lnTo>
                    <a:pt x="229" y="1238"/>
                  </a:lnTo>
                  <a:lnTo>
                    <a:pt x="242" y="1233"/>
                  </a:lnTo>
                  <a:lnTo>
                    <a:pt x="254" y="1227"/>
                  </a:lnTo>
                  <a:lnTo>
                    <a:pt x="265" y="1220"/>
                  </a:lnTo>
                  <a:lnTo>
                    <a:pt x="274" y="1212"/>
                  </a:lnTo>
                  <a:lnTo>
                    <a:pt x="283" y="1205"/>
                  </a:lnTo>
                  <a:lnTo>
                    <a:pt x="296" y="1190"/>
                  </a:lnTo>
                  <a:lnTo>
                    <a:pt x="305" y="1178"/>
                  </a:lnTo>
                  <a:lnTo>
                    <a:pt x="313" y="1164"/>
                  </a:lnTo>
                  <a:lnTo>
                    <a:pt x="313" y="1164"/>
                  </a:lnTo>
                  <a:lnTo>
                    <a:pt x="319" y="1155"/>
                  </a:lnTo>
                  <a:lnTo>
                    <a:pt x="325" y="1147"/>
                  </a:lnTo>
                  <a:lnTo>
                    <a:pt x="331" y="1139"/>
                  </a:lnTo>
                  <a:lnTo>
                    <a:pt x="338" y="1133"/>
                  </a:lnTo>
                  <a:lnTo>
                    <a:pt x="344" y="1129"/>
                  </a:lnTo>
                  <a:lnTo>
                    <a:pt x="352" y="1126"/>
                  </a:lnTo>
                  <a:lnTo>
                    <a:pt x="358" y="1124"/>
                  </a:lnTo>
                  <a:lnTo>
                    <a:pt x="365" y="1124"/>
                  </a:lnTo>
                  <a:lnTo>
                    <a:pt x="371" y="1126"/>
                  </a:lnTo>
                  <a:lnTo>
                    <a:pt x="377" y="1129"/>
                  </a:lnTo>
                  <a:lnTo>
                    <a:pt x="382" y="1133"/>
                  </a:lnTo>
                  <a:lnTo>
                    <a:pt x="386" y="1139"/>
                  </a:lnTo>
                  <a:lnTo>
                    <a:pt x="389" y="1147"/>
                  </a:lnTo>
                  <a:lnTo>
                    <a:pt x="392" y="1155"/>
                  </a:lnTo>
                  <a:lnTo>
                    <a:pt x="393" y="1166"/>
                  </a:lnTo>
                  <a:lnTo>
                    <a:pt x="395" y="1176"/>
                  </a:lnTo>
                  <a:lnTo>
                    <a:pt x="395" y="1979"/>
                  </a:lnTo>
                  <a:lnTo>
                    <a:pt x="1256" y="1976"/>
                  </a:lnTo>
                  <a:lnTo>
                    <a:pt x="1256" y="1976"/>
                  </a:lnTo>
                  <a:lnTo>
                    <a:pt x="1266" y="1978"/>
                  </a:lnTo>
                  <a:lnTo>
                    <a:pt x="1277" y="1979"/>
                  </a:lnTo>
                  <a:lnTo>
                    <a:pt x="1286" y="1982"/>
                  </a:lnTo>
                  <a:lnTo>
                    <a:pt x="1292" y="1985"/>
                  </a:lnTo>
                  <a:lnTo>
                    <a:pt x="1298" y="1990"/>
                  </a:lnTo>
                  <a:lnTo>
                    <a:pt x="1302" y="1996"/>
                  </a:lnTo>
                  <a:lnTo>
                    <a:pt x="1305" y="2000"/>
                  </a:lnTo>
                  <a:lnTo>
                    <a:pt x="1307" y="2006"/>
                  </a:lnTo>
                  <a:lnTo>
                    <a:pt x="1307" y="2014"/>
                  </a:lnTo>
                  <a:lnTo>
                    <a:pt x="1305" y="2020"/>
                  </a:lnTo>
                  <a:lnTo>
                    <a:pt x="1302" y="2027"/>
                  </a:lnTo>
                  <a:lnTo>
                    <a:pt x="1298" y="2033"/>
                  </a:lnTo>
                  <a:lnTo>
                    <a:pt x="1292" y="2040"/>
                  </a:lnTo>
                  <a:lnTo>
                    <a:pt x="1284" y="2046"/>
                  </a:lnTo>
                  <a:lnTo>
                    <a:pt x="1275" y="2052"/>
                  </a:lnTo>
                  <a:lnTo>
                    <a:pt x="1265" y="2057"/>
                  </a:lnTo>
                  <a:lnTo>
                    <a:pt x="1265" y="2057"/>
                  </a:lnTo>
                  <a:lnTo>
                    <a:pt x="1253" y="2064"/>
                  </a:lnTo>
                  <a:lnTo>
                    <a:pt x="1239" y="2075"/>
                  </a:lnTo>
                  <a:lnTo>
                    <a:pt x="1225" y="2088"/>
                  </a:lnTo>
                  <a:lnTo>
                    <a:pt x="1217" y="2097"/>
                  </a:lnTo>
                  <a:lnTo>
                    <a:pt x="1211" y="2106"/>
                  </a:lnTo>
                  <a:lnTo>
                    <a:pt x="1204" y="2117"/>
                  </a:lnTo>
                  <a:lnTo>
                    <a:pt x="1198" y="2129"/>
                  </a:lnTo>
                  <a:lnTo>
                    <a:pt x="1193" y="2141"/>
                  </a:lnTo>
                  <a:lnTo>
                    <a:pt x="1189" y="2156"/>
                  </a:lnTo>
                  <a:lnTo>
                    <a:pt x="1186" y="2171"/>
                  </a:lnTo>
                  <a:lnTo>
                    <a:pt x="1186" y="2187"/>
                  </a:lnTo>
                  <a:lnTo>
                    <a:pt x="1186" y="2187"/>
                  </a:lnTo>
                  <a:lnTo>
                    <a:pt x="1186" y="2206"/>
                  </a:lnTo>
                  <a:lnTo>
                    <a:pt x="1190" y="2224"/>
                  </a:lnTo>
                  <a:lnTo>
                    <a:pt x="1196" y="2242"/>
                  </a:lnTo>
                  <a:lnTo>
                    <a:pt x="1204" y="2259"/>
                  </a:lnTo>
                  <a:lnTo>
                    <a:pt x="1213" y="2275"/>
                  </a:lnTo>
                  <a:lnTo>
                    <a:pt x="1225" y="2290"/>
                  </a:lnTo>
                  <a:lnTo>
                    <a:pt x="1238" y="2304"/>
                  </a:lnTo>
                  <a:lnTo>
                    <a:pt x="1253" y="2317"/>
                  </a:lnTo>
                  <a:lnTo>
                    <a:pt x="1268" y="2329"/>
                  </a:lnTo>
                  <a:lnTo>
                    <a:pt x="1286" y="2339"/>
                  </a:lnTo>
                  <a:lnTo>
                    <a:pt x="1305" y="2348"/>
                  </a:lnTo>
                  <a:lnTo>
                    <a:pt x="1325" y="2357"/>
                  </a:lnTo>
                  <a:lnTo>
                    <a:pt x="1346" y="2363"/>
                  </a:lnTo>
                  <a:lnTo>
                    <a:pt x="1368" y="2368"/>
                  </a:lnTo>
                  <a:lnTo>
                    <a:pt x="1390" y="2371"/>
                  </a:lnTo>
                  <a:lnTo>
                    <a:pt x="1414" y="2371"/>
                  </a:lnTo>
                  <a:lnTo>
                    <a:pt x="1414" y="2371"/>
                  </a:lnTo>
                  <a:lnTo>
                    <a:pt x="1438" y="2371"/>
                  </a:lnTo>
                  <a:lnTo>
                    <a:pt x="1461" y="2368"/>
                  </a:lnTo>
                  <a:lnTo>
                    <a:pt x="1483" y="2363"/>
                  </a:lnTo>
                  <a:lnTo>
                    <a:pt x="1504" y="2357"/>
                  </a:lnTo>
                  <a:lnTo>
                    <a:pt x="1523" y="2348"/>
                  </a:lnTo>
                  <a:lnTo>
                    <a:pt x="1543" y="2339"/>
                  </a:lnTo>
                  <a:lnTo>
                    <a:pt x="1561" y="2329"/>
                  </a:lnTo>
                  <a:lnTo>
                    <a:pt x="1577" y="2317"/>
                  </a:lnTo>
                  <a:lnTo>
                    <a:pt x="1591" y="2304"/>
                  </a:lnTo>
                  <a:lnTo>
                    <a:pt x="1604" y="2290"/>
                  </a:lnTo>
                  <a:lnTo>
                    <a:pt x="1616" y="2275"/>
                  </a:lnTo>
                  <a:lnTo>
                    <a:pt x="1625" y="2259"/>
                  </a:lnTo>
                  <a:lnTo>
                    <a:pt x="1634" y="2242"/>
                  </a:lnTo>
                  <a:lnTo>
                    <a:pt x="1639" y="2224"/>
                  </a:lnTo>
                  <a:lnTo>
                    <a:pt x="1643" y="2206"/>
                  </a:lnTo>
                  <a:lnTo>
                    <a:pt x="1645" y="2187"/>
                  </a:lnTo>
                  <a:lnTo>
                    <a:pt x="1645" y="2187"/>
                  </a:lnTo>
                  <a:lnTo>
                    <a:pt x="1643" y="2171"/>
                  </a:lnTo>
                  <a:lnTo>
                    <a:pt x="1640" y="2156"/>
                  </a:lnTo>
                  <a:lnTo>
                    <a:pt x="1637" y="2141"/>
                  </a:lnTo>
                  <a:lnTo>
                    <a:pt x="1631" y="2129"/>
                  </a:lnTo>
                  <a:lnTo>
                    <a:pt x="1625" y="2117"/>
                  </a:lnTo>
                  <a:lnTo>
                    <a:pt x="1619" y="2106"/>
                  </a:lnTo>
                  <a:lnTo>
                    <a:pt x="1612" y="2097"/>
                  </a:lnTo>
                  <a:lnTo>
                    <a:pt x="1604" y="2088"/>
                  </a:lnTo>
                  <a:lnTo>
                    <a:pt x="1589" y="2075"/>
                  </a:lnTo>
                  <a:lnTo>
                    <a:pt x="1576" y="2064"/>
                  </a:lnTo>
                  <a:lnTo>
                    <a:pt x="1564" y="2057"/>
                  </a:lnTo>
                  <a:lnTo>
                    <a:pt x="1564" y="2057"/>
                  </a:lnTo>
                  <a:lnTo>
                    <a:pt x="1553" y="2052"/>
                  </a:lnTo>
                  <a:lnTo>
                    <a:pt x="1544" y="2046"/>
                  </a:lnTo>
                  <a:lnTo>
                    <a:pt x="1537" y="2039"/>
                  </a:lnTo>
                  <a:lnTo>
                    <a:pt x="1531" y="2033"/>
                  </a:lnTo>
                  <a:lnTo>
                    <a:pt x="1526" y="2026"/>
                  </a:lnTo>
                  <a:lnTo>
                    <a:pt x="1523" y="2020"/>
                  </a:lnTo>
                  <a:lnTo>
                    <a:pt x="1522" y="2012"/>
                  </a:lnTo>
                  <a:lnTo>
                    <a:pt x="1522" y="2006"/>
                  </a:lnTo>
                  <a:lnTo>
                    <a:pt x="1523" y="2000"/>
                  </a:lnTo>
                  <a:lnTo>
                    <a:pt x="1526" y="1994"/>
                  </a:lnTo>
                  <a:lnTo>
                    <a:pt x="1531" y="1990"/>
                  </a:lnTo>
                  <a:lnTo>
                    <a:pt x="1537" y="1985"/>
                  </a:lnTo>
                  <a:lnTo>
                    <a:pt x="1544" y="1981"/>
                  </a:lnTo>
                  <a:lnTo>
                    <a:pt x="1553" y="1978"/>
                  </a:lnTo>
                  <a:lnTo>
                    <a:pt x="1564" y="1976"/>
                  </a:lnTo>
                  <a:lnTo>
                    <a:pt x="1576" y="1976"/>
                  </a:lnTo>
                  <a:lnTo>
                    <a:pt x="2377" y="1976"/>
                  </a:lnTo>
                  <a:lnTo>
                    <a:pt x="2377" y="1138"/>
                  </a:lnTo>
                  <a:lnTo>
                    <a:pt x="2377" y="1138"/>
                  </a:lnTo>
                  <a:lnTo>
                    <a:pt x="2370" y="1130"/>
                  </a:lnTo>
                  <a:lnTo>
                    <a:pt x="2362" y="1126"/>
                  </a:lnTo>
                  <a:lnTo>
                    <a:pt x="2353" y="1124"/>
                  </a:lnTo>
                  <a:lnTo>
                    <a:pt x="2343" y="1127"/>
                  </a:lnTo>
                  <a:lnTo>
                    <a:pt x="2334" y="1132"/>
                  </a:lnTo>
                  <a:lnTo>
                    <a:pt x="2323" y="1139"/>
                  </a:lnTo>
                  <a:lnTo>
                    <a:pt x="2314" y="1151"/>
                  </a:lnTo>
                  <a:lnTo>
                    <a:pt x="2305" y="1166"/>
                  </a:lnTo>
                  <a:lnTo>
                    <a:pt x="2305" y="1166"/>
                  </a:lnTo>
                  <a:lnTo>
                    <a:pt x="2298" y="1178"/>
                  </a:lnTo>
                  <a:lnTo>
                    <a:pt x="2289" y="1191"/>
                  </a:lnTo>
                  <a:lnTo>
                    <a:pt x="2275" y="1206"/>
                  </a:lnTo>
                  <a:lnTo>
                    <a:pt x="2266" y="1214"/>
                  </a:lnTo>
                  <a:lnTo>
                    <a:pt x="2257" y="1220"/>
                  </a:lnTo>
                  <a:lnTo>
                    <a:pt x="2247" y="1227"/>
                  </a:lnTo>
                  <a:lnTo>
                    <a:pt x="2235" y="1233"/>
                  </a:lnTo>
                  <a:lnTo>
                    <a:pt x="2222" y="1239"/>
                  </a:lnTo>
                  <a:lnTo>
                    <a:pt x="2208" y="1242"/>
                  </a:lnTo>
                  <a:lnTo>
                    <a:pt x="2193" y="1245"/>
                  </a:lnTo>
                  <a:lnTo>
                    <a:pt x="2177" y="1245"/>
                  </a:lnTo>
                  <a:lnTo>
                    <a:pt x="2177" y="1245"/>
                  </a:lnTo>
                  <a:lnTo>
                    <a:pt x="2157" y="1245"/>
                  </a:lnTo>
                  <a:lnTo>
                    <a:pt x="2139" y="1241"/>
                  </a:lnTo>
                  <a:lnTo>
                    <a:pt x="2121" y="1236"/>
                  </a:lnTo>
                  <a:lnTo>
                    <a:pt x="2105" y="1227"/>
                  </a:lnTo>
                  <a:lnTo>
                    <a:pt x="2089" y="1218"/>
                  </a:lnTo>
                  <a:lnTo>
                    <a:pt x="2074" y="1206"/>
                  </a:lnTo>
                  <a:lnTo>
                    <a:pt x="2060" y="1193"/>
                  </a:lnTo>
                  <a:lnTo>
                    <a:pt x="2047" y="1179"/>
                  </a:lnTo>
                  <a:lnTo>
                    <a:pt x="2035" y="1163"/>
                  </a:lnTo>
                  <a:lnTo>
                    <a:pt x="2024" y="1145"/>
                  </a:lnTo>
                  <a:lnTo>
                    <a:pt x="2015" y="1126"/>
                  </a:lnTo>
                  <a:lnTo>
                    <a:pt x="2006" y="1106"/>
                  </a:lnTo>
                  <a:lnTo>
                    <a:pt x="2000" y="1085"/>
                  </a:lnTo>
                  <a:lnTo>
                    <a:pt x="1996" y="1063"/>
                  </a:lnTo>
                  <a:lnTo>
                    <a:pt x="1993" y="1040"/>
                  </a:lnTo>
                  <a:lnTo>
                    <a:pt x="1993" y="1016"/>
                  </a:lnTo>
                  <a:lnTo>
                    <a:pt x="1993" y="1016"/>
                  </a:lnTo>
                  <a:lnTo>
                    <a:pt x="1993" y="993"/>
                  </a:lnTo>
                  <a:lnTo>
                    <a:pt x="1996" y="970"/>
                  </a:lnTo>
                  <a:lnTo>
                    <a:pt x="2000" y="948"/>
                  </a:lnTo>
                  <a:lnTo>
                    <a:pt x="2006" y="927"/>
                  </a:lnTo>
                  <a:lnTo>
                    <a:pt x="2015" y="907"/>
                  </a:lnTo>
                  <a:lnTo>
                    <a:pt x="2024" y="888"/>
                  </a:lnTo>
                  <a:lnTo>
                    <a:pt x="2035" y="870"/>
                  </a:lnTo>
                  <a:lnTo>
                    <a:pt x="2047" y="855"/>
                  </a:lnTo>
                  <a:lnTo>
                    <a:pt x="2060" y="840"/>
                  </a:lnTo>
                  <a:lnTo>
                    <a:pt x="2074" y="827"/>
                  </a:lnTo>
                  <a:lnTo>
                    <a:pt x="2089" y="815"/>
                  </a:lnTo>
                  <a:lnTo>
                    <a:pt x="2105" y="806"/>
                  </a:lnTo>
                  <a:lnTo>
                    <a:pt x="2121" y="797"/>
                  </a:lnTo>
                  <a:lnTo>
                    <a:pt x="2139" y="792"/>
                  </a:lnTo>
                  <a:lnTo>
                    <a:pt x="2157" y="788"/>
                  </a:lnTo>
                  <a:lnTo>
                    <a:pt x="2177" y="788"/>
                  </a:lnTo>
                  <a:lnTo>
                    <a:pt x="2177" y="788"/>
                  </a:lnTo>
                  <a:close/>
                </a:path>
              </a:pathLst>
            </a:custGeom>
            <a:solidFill>
              <a:schemeClr val="bg1">
                <a:lumMod val="75000"/>
              </a:schemeClr>
            </a:solidFill>
            <a:ln w="28575">
              <a:solidFill>
                <a:schemeClr val="bg1">
                  <a:lumMod val="50000"/>
                </a:schemeClr>
              </a:solidFill>
              <a:prstDash val="solid"/>
              <a:round/>
              <a:headEnd/>
              <a:tailEnd/>
            </a:ln>
          </p:spPr>
          <p:txBody>
            <a:bodyPr bIns="360000" anchor="ctr"/>
            <a:lstStyle/>
            <a:p>
              <a:pPr algn="ctr" eaLnBrk="1" hangingPunct="1">
                <a:defRPr/>
              </a:pPr>
              <a:r>
                <a:rPr lang="en-US" dirty="0" err="1">
                  <a:cs typeface="Arial" charset="0"/>
                </a:rPr>
                <a:t>eLTSS</a:t>
              </a:r>
              <a:endParaRPr lang="en-US" dirty="0">
                <a:cs typeface="Arial" charset="0"/>
              </a:endParaRPr>
            </a:p>
            <a:p>
              <a:pPr algn="ctr" eaLnBrk="1" hangingPunct="1">
                <a:defRPr/>
              </a:pPr>
              <a:r>
                <a:rPr lang="en-US" dirty="0">
                  <a:cs typeface="Arial" charset="0"/>
                </a:rPr>
                <a:t>Project</a:t>
              </a:r>
              <a:endParaRPr lang="en-GB" dirty="0">
                <a:cs typeface="Arial" charset="0"/>
              </a:endParaRPr>
            </a:p>
          </p:txBody>
        </p:sp>
        <p:sp>
          <p:nvSpPr>
            <p:cNvPr id="26" name="Freeform 9">
              <a:extLst>
                <a:ext uri="{FF2B5EF4-FFF2-40B4-BE49-F238E27FC236}">
                  <a16:creationId xmlns:a16="http://schemas.microsoft.com/office/drawing/2014/main" id="{DB2B9F0E-D7EC-714A-B751-F63FDD67DD3C}"/>
                </a:ext>
              </a:extLst>
            </p:cNvPr>
            <p:cNvSpPr>
              <a:spLocks/>
            </p:cNvSpPr>
            <p:nvPr/>
          </p:nvSpPr>
          <p:spPr bwMode="auto">
            <a:xfrm>
              <a:off x="4520408"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tx2">
                <a:lumMod val="40000"/>
                <a:lumOff val="6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CKD</a:t>
              </a:r>
              <a:endParaRPr lang="en-GB" dirty="0">
                <a:cs typeface="Arial" charset="0"/>
              </a:endParaRPr>
            </a:p>
          </p:txBody>
        </p:sp>
        <p:sp>
          <p:nvSpPr>
            <p:cNvPr id="27" name="Freeform 7">
              <a:extLst>
                <a:ext uri="{FF2B5EF4-FFF2-40B4-BE49-F238E27FC236}">
                  <a16:creationId xmlns:a16="http://schemas.microsoft.com/office/drawing/2014/main" id="{51BB8AC8-5839-D540-AE51-83A5B18453C9}"/>
                </a:ext>
              </a:extLst>
            </p:cNvPr>
            <p:cNvSpPr>
              <a:spLocks/>
            </p:cNvSpPr>
            <p:nvPr/>
          </p:nvSpPr>
          <p:spPr bwMode="auto">
            <a:xfrm>
              <a:off x="3255016"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bg1">
                <a:lumMod val="75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SAMHSA </a:t>
              </a:r>
            </a:p>
            <a:p>
              <a:pPr algn="ctr" eaLnBrk="1" hangingPunct="1">
                <a:defRPr/>
              </a:pPr>
              <a:r>
                <a:rPr lang="en-US" dirty="0">
                  <a:cs typeface="Arial" charset="0"/>
                </a:rPr>
                <a:t>OCP</a:t>
              </a:r>
              <a:endParaRPr lang="en-GB" dirty="0">
                <a:cs typeface="Arial" charset="0"/>
              </a:endParaRPr>
            </a:p>
          </p:txBody>
        </p:sp>
        <p:sp>
          <p:nvSpPr>
            <p:cNvPr id="33" name="Freeform 8">
              <a:extLst>
                <a:ext uri="{FF2B5EF4-FFF2-40B4-BE49-F238E27FC236}">
                  <a16:creationId xmlns:a16="http://schemas.microsoft.com/office/drawing/2014/main" id="{31F42768-56CD-294B-A3E2-E4A463BFBB42}"/>
                </a:ext>
              </a:extLst>
            </p:cNvPr>
            <p:cNvSpPr>
              <a:spLocks/>
            </p:cNvSpPr>
            <p:nvPr/>
          </p:nvSpPr>
          <p:spPr bwMode="auto">
            <a:xfrm>
              <a:off x="2931166" y="1656584"/>
              <a:ext cx="1885950" cy="1882775"/>
            </a:xfrm>
            <a:custGeom>
              <a:avLst/>
              <a:gdLst>
                <a:gd name="T0" fmla="*/ 2222 w 2377"/>
                <a:gd name="T1" fmla="*/ 795 h 2371"/>
                <a:gd name="T2" fmla="*/ 2275 w 2377"/>
                <a:gd name="T3" fmla="*/ 827 h 2371"/>
                <a:gd name="T4" fmla="*/ 2314 w 2377"/>
                <a:gd name="T5" fmla="*/ 882 h 2371"/>
                <a:gd name="T6" fmla="*/ 2362 w 2377"/>
                <a:gd name="T7" fmla="*/ 907 h 2371"/>
                <a:gd name="T8" fmla="*/ 395 w 2377"/>
                <a:gd name="T9" fmla="*/ 855 h 2371"/>
                <a:gd name="T10" fmla="*/ 386 w 2377"/>
                <a:gd name="T11" fmla="*/ 892 h 2371"/>
                <a:gd name="T12" fmla="*/ 358 w 2377"/>
                <a:gd name="T13" fmla="*/ 907 h 2371"/>
                <a:gd name="T14" fmla="*/ 325 w 2377"/>
                <a:gd name="T15" fmla="*/ 886 h 2371"/>
                <a:gd name="T16" fmla="*/ 296 w 2377"/>
                <a:gd name="T17" fmla="*/ 842 h 2371"/>
                <a:gd name="T18" fmla="*/ 242 w 2377"/>
                <a:gd name="T19" fmla="*/ 800 h 2371"/>
                <a:gd name="T20" fmla="*/ 184 w 2377"/>
                <a:gd name="T21" fmla="*/ 786 h 2371"/>
                <a:gd name="T22" fmla="*/ 96 w 2377"/>
                <a:gd name="T23" fmla="*/ 815 h 2371"/>
                <a:gd name="T24" fmla="*/ 32 w 2377"/>
                <a:gd name="T25" fmla="*/ 888 h 2371"/>
                <a:gd name="T26" fmla="*/ 0 w 2377"/>
                <a:gd name="T27" fmla="*/ 993 h 2371"/>
                <a:gd name="T28" fmla="*/ 8 w 2377"/>
                <a:gd name="T29" fmla="*/ 1084 h 2371"/>
                <a:gd name="T30" fmla="*/ 54 w 2377"/>
                <a:gd name="T31" fmla="*/ 1178 h 2371"/>
                <a:gd name="T32" fmla="*/ 129 w 2377"/>
                <a:gd name="T33" fmla="*/ 1235 h 2371"/>
                <a:gd name="T34" fmla="*/ 201 w 2377"/>
                <a:gd name="T35" fmla="*/ 1245 h 2371"/>
                <a:gd name="T36" fmla="*/ 265 w 2377"/>
                <a:gd name="T37" fmla="*/ 1220 h 2371"/>
                <a:gd name="T38" fmla="*/ 313 w 2377"/>
                <a:gd name="T39" fmla="*/ 1164 h 2371"/>
                <a:gd name="T40" fmla="*/ 338 w 2377"/>
                <a:gd name="T41" fmla="*/ 1133 h 2371"/>
                <a:gd name="T42" fmla="*/ 371 w 2377"/>
                <a:gd name="T43" fmla="*/ 1126 h 2371"/>
                <a:gd name="T44" fmla="*/ 392 w 2377"/>
                <a:gd name="T45" fmla="*/ 1155 h 2371"/>
                <a:gd name="T46" fmla="*/ 1256 w 2377"/>
                <a:gd name="T47" fmla="*/ 1976 h 2371"/>
                <a:gd name="T48" fmla="*/ 1298 w 2377"/>
                <a:gd name="T49" fmla="*/ 1990 h 2371"/>
                <a:gd name="T50" fmla="*/ 1305 w 2377"/>
                <a:gd name="T51" fmla="*/ 2020 h 2371"/>
                <a:gd name="T52" fmla="*/ 1275 w 2377"/>
                <a:gd name="T53" fmla="*/ 2052 h 2371"/>
                <a:gd name="T54" fmla="*/ 1225 w 2377"/>
                <a:gd name="T55" fmla="*/ 2088 h 2371"/>
                <a:gd name="T56" fmla="*/ 1193 w 2377"/>
                <a:gd name="T57" fmla="*/ 2141 h 2371"/>
                <a:gd name="T58" fmla="*/ 1186 w 2377"/>
                <a:gd name="T59" fmla="*/ 2206 h 2371"/>
                <a:gd name="T60" fmla="*/ 1225 w 2377"/>
                <a:gd name="T61" fmla="*/ 2290 h 2371"/>
                <a:gd name="T62" fmla="*/ 1305 w 2377"/>
                <a:gd name="T63" fmla="*/ 2348 h 2371"/>
                <a:gd name="T64" fmla="*/ 1414 w 2377"/>
                <a:gd name="T65" fmla="*/ 2371 h 2371"/>
                <a:gd name="T66" fmla="*/ 1504 w 2377"/>
                <a:gd name="T67" fmla="*/ 2357 h 2371"/>
                <a:gd name="T68" fmla="*/ 1591 w 2377"/>
                <a:gd name="T69" fmla="*/ 2304 h 2371"/>
                <a:gd name="T70" fmla="*/ 1639 w 2377"/>
                <a:gd name="T71" fmla="*/ 2224 h 2371"/>
                <a:gd name="T72" fmla="*/ 1640 w 2377"/>
                <a:gd name="T73" fmla="*/ 2156 h 2371"/>
                <a:gd name="T74" fmla="*/ 1612 w 2377"/>
                <a:gd name="T75" fmla="*/ 2097 h 2371"/>
                <a:gd name="T76" fmla="*/ 1564 w 2377"/>
                <a:gd name="T77" fmla="*/ 2057 h 2371"/>
                <a:gd name="T78" fmla="*/ 1526 w 2377"/>
                <a:gd name="T79" fmla="*/ 2026 h 2371"/>
                <a:gd name="T80" fmla="*/ 1526 w 2377"/>
                <a:gd name="T81" fmla="*/ 1994 h 2371"/>
                <a:gd name="T82" fmla="*/ 1564 w 2377"/>
                <a:gd name="T83" fmla="*/ 1976 h 2371"/>
                <a:gd name="T84" fmla="*/ 2370 w 2377"/>
                <a:gd name="T85" fmla="*/ 1130 h 2371"/>
                <a:gd name="T86" fmla="*/ 2323 w 2377"/>
                <a:gd name="T87" fmla="*/ 1139 h 2371"/>
                <a:gd name="T88" fmla="*/ 2289 w 2377"/>
                <a:gd name="T89" fmla="*/ 1191 h 2371"/>
                <a:gd name="T90" fmla="*/ 2235 w 2377"/>
                <a:gd name="T91" fmla="*/ 1233 h 2371"/>
                <a:gd name="T92" fmla="*/ 2177 w 2377"/>
                <a:gd name="T93" fmla="*/ 1245 h 2371"/>
                <a:gd name="T94" fmla="*/ 2089 w 2377"/>
                <a:gd name="T95" fmla="*/ 1218 h 2371"/>
                <a:gd name="T96" fmla="*/ 2024 w 2377"/>
                <a:gd name="T97" fmla="*/ 1145 h 2371"/>
                <a:gd name="T98" fmla="*/ 1993 w 2377"/>
                <a:gd name="T99" fmla="*/ 1040 h 2371"/>
                <a:gd name="T100" fmla="*/ 2000 w 2377"/>
                <a:gd name="T101" fmla="*/ 948 h 2371"/>
                <a:gd name="T102" fmla="*/ 2047 w 2377"/>
                <a:gd name="T103" fmla="*/ 855 h 2371"/>
                <a:gd name="T104" fmla="*/ 2121 w 2377"/>
                <a:gd name="T105" fmla="*/ 797 h 2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7" h="2371">
                  <a:moveTo>
                    <a:pt x="2177" y="788"/>
                  </a:moveTo>
                  <a:lnTo>
                    <a:pt x="2177" y="788"/>
                  </a:lnTo>
                  <a:lnTo>
                    <a:pt x="2193" y="788"/>
                  </a:lnTo>
                  <a:lnTo>
                    <a:pt x="2208" y="791"/>
                  </a:lnTo>
                  <a:lnTo>
                    <a:pt x="2222" y="795"/>
                  </a:lnTo>
                  <a:lnTo>
                    <a:pt x="2235" y="800"/>
                  </a:lnTo>
                  <a:lnTo>
                    <a:pt x="2247" y="806"/>
                  </a:lnTo>
                  <a:lnTo>
                    <a:pt x="2257" y="813"/>
                  </a:lnTo>
                  <a:lnTo>
                    <a:pt x="2266" y="819"/>
                  </a:lnTo>
                  <a:lnTo>
                    <a:pt x="2275" y="827"/>
                  </a:lnTo>
                  <a:lnTo>
                    <a:pt x="2289" y="842"/>
                  </a:lnTo>
                  <a:lnTo>
                    <a:pt x="2298" y="855"/>
                  </a:lnTo>
                  <a:lnTo>
                    <a:pt x="2305" y="867"/>
                  </a:lnTo>
                  <a:lnTo>
                    <a:pt x="2305" y="867"/>
                  </a:lnTo>
                  <a:lnTo>
                    <a:pt x="2314" y="882"/>
                  </a:lnTo>
                  <a:lnTo>
                    <a:pt x="2323" y="894"/>
                  </a:lnTo>
                  <a:lnTo>
                    <a:pt x="2334" y="901"/>
                  </a:lnTo>
                  <a:lnTo>
                    <a:pt x="2343" y="907"/>
                  </a:lnTo>
                  <a:lnTo>
                    <a:pt x="2353" y="909"/>
                  </a:lnTo>
                  <a:lnTo>
                    <a:pt x="2362" y="907"/>
                  </a:lnTo>
                  <a:lnTo>
                    <a:pt x="2370" y="903"/>
                  </a:lnTo>
                  <a:lnTo>
                    <a:pt x="2377" y="895"/>
                  </a:lnTo>
                  <a:lnTo>
                    <a:pt x="2377" y="0"/>
                  </a:lnTo>
                  <a:lnTo>
                    <a:pt x="395" y="0"/>
                  </a:lnTo>
                  <a:lnTo>
                    <a:pt x="395" y="855"/>
                  </a:lnTo>
                  <a:lnTo>
                    <a:pt x="395" y="855"/>
                  </a:lnTo>
                  <a:lnTo>
                    <a:pt x="393" y="867"/>
                  </a:lnTo>
                  <a:lnTo>
                    <a:pt x="392" y="877"/>
                  </a:lnTo>
                  <a:lnTo>
                    <a:pt x="389" y="886"/>
                  </a:lnTo>
                  <a:lnTo>
                    <a:pt x="386" y="892"/>
                  </a:lnTo>
                  <a:lnTo>
                    <a:pt x="382" y="898"/>
                  </a:lnTo>
                  <a:lnTo>
                    <a:pt x="377" y="903"/>
                  </a:lnTo>
                  <a:lnTo>
                    <a:pt x="371" y="906"/>
                  </a:lnTo>
                  <a:lnTo>
                    <a:pt x="365" y="907"/>
                  </a:lnTo>
                  <a:lnTo>
                    <a:pt x="358" y="907"/>
                  </a:lnTo>
                  <a:lnTo>
                    <a:pt x="352" y="907"/>
                  </a:lnTo>
                  <a:lnTo>
                    <a:pt x="344" y="904"/>
                  </a:lnTo>
                  <a:lnTo>
                    <a:pt x="338" y="900"/>
                  </a:lnTo>
                  <a:lnTo>
                    <a:pt x="331" y="894"/>
                  </a:lnTo>
                  <a:lnTo>
                    <a:pt x="325" y="886"/>
                  </a:lnTo>
                  <a:lnTo>
                    <a:pt x="319" y="877"/>
                  </a:lnTo>
                  <a:lnTo>
                    <a:pt x="313" y="867"/>
                  </a:lnTo>
                  <a:lnTo>
                    <a:pt x="313" y="867"/>
                  </a:lnTo>
                  <a:lnTo>
                    <a:pt x="305" y="855"/>
                  </a:lnTo>
                  <a:lnTo>
                    <a:pt x="296" y="842"/>
                  </a:lnTo>
                  <a:lnTo>
                    <a:pt x="283" y="827"/>
                  </a:lnTo>
                  <a:lnTo>
                    <a:pt x="274" y="819"/>
                  </a:lnTo>
                  <a:lnTo>
                    <a:pt x="265" y="812"/>
                  </a:lnTo>
                  <a:lnTo>
                    <a:pt x="254" y="806"/>
                  </a:lnTo>
                  <a:lnTo>
                    <a:pt x="242" y="800"/>
                  </a:lnTo>
                  <a:lnTo>
                    <a:pt x="229" y="794"/>
                  </a:lnTo>
                  <a:lnTo>
                    <a:pt x="216" y="791"/>
                  </a:lnTo>
                  <a:lnTo>
                    <a:pt x="201" y="788"/>
                  </a:lnTo>
                  <a:lnTo>
                    <a:pt x="184" y="786"/>
                  </a:lnTo>
                  <a:lnTo>
                    <a:pt x="184" y="786"/>
                  </a:lnTo>
                  <a:lnTo>
                    <a:pt x="165" y="788"/>
                  </a:lnTo>
                  <a:lnTo>
                    <a:pt x="147" y="791"/>
                  </a:lnTo>
                  <a:lnTo>
                    <a:pt x="129" y="797"/>
                  </a:lnTo>
                  <a:lnTo>
                    <a:pt x="112" y="804"/>
                  </a:lnTo>
                  <a:lnTo>
                    <a:pt x="96" y="815"/>
                  </a:lnTo>
                  <a:lnTo>
                    <a:pt x="81" y="825"/>
                  </a:lnTo>
                  <a:lnTo>
                    <a:pt x="66" y="839"/>
                  </a:lnTo>
                  <a:lnTo>
                    <a:pt x="54" y="854"/>
                  </a:lnTo>
                  <a:lnTo>
                    <a:pt x="42" y="870"/>
                  </a:lnTo>
                  <a:lnTo>
                    <a:pt x="32" y="888"/>
                  </a:lnTo>
                  <a:lnTo>
                    <a:pt x="21" y="907"/>
                  </a:lnTo>
                  <a:lnTo>
                    <a:pt x="14" y="927"/>
                  </a:lnTo>
                  <a:lnTo>
                    <a:pt x="8" y="948"/>
                  </a:lnTo>
                  <a:lnTo>
                    <a:pt x="3" y="970"/>
                  </a:lnTo>
                  <a:lnTo>
                    <a:pt x="0" y="993"/>
                  </a:lnTo>
                  <a:lnTo>
                    <a:pt x="0" y="1016"/>
                  </a:lnTo>
                  <a:lnTo>
                    <a:pt x="0" y="1016"/>
                  </a:lnTo>
                  <a:lnTo>
                    <a:pt x="0" y="1039"/>
                  </a:lnTo>
                  <a:lnTo>
                    <a:pt x="3" y="1063"/>
                  </a:lnTo>
                  <a:lnTo>
                    <a:pt x="8" y="1084"/>
                  </a:lnTo>
                  <a:lnTo>
                    <a:pt x="14" y="1105"/>
                  </a:lnTo>
                  <a:lnTo>
                    <a:pt x="21" y="1126"/>
                  </a:lnTo>
                  <a:lnTo>
                    <a:pt x="32" y="1145"/>
                  </a:lnTo>
                  <a:lnTo>
                    <a:pt x="42" y="1161"/>
                  </a:lnTo>
                  <a:lnTo>
                    <a:pt x="54" y="1178"/>
                  </a:lnTo>
                  <a:lnTo>
                    <a:pt x="66" y="1193"/>
                  </a:lnTo>
                  <a:lnTo>
                    <a:pt x="81" y="1206"/>
                  </a:lnTo>
                  <a:lnTo>
                    <a:pt x="96" y="1218"/>
                  </a:lnTo>
                  <a:lnTo>
                    <a:pt x="112" y="1227"/>
                  </a:lnTo>
                  <a:lnTo>
                    <a:pt x="129" y="1235"/>
                  </a:lnTo>
                  <a:lnTo>
                    <a:pt x="147" y="1241"/>
                  </a:lnTo>
                  <a:lnTo>
                    <a:pt x="165" y="1244"/>
                  </a:lnTo>
                  <a:lnTo>
                    <a:pt x="184" y="1245"/>
                  </a:lnTo>
                  <a:lnTo>
                    <a:pt x="184" y="1245"/>
                  </a:lnTo>
                  <a:lnTo>
                    <a:pt x="201" y="1245"/>
                  </a:lnTo>
                  <a:lnTo>
                    <a:pt x="216" y="1242"/>
                  </a:lnTo>
                  <a:lnTo>
                    <a:pt x="229" y="1238"/>
                  </a:lnTo>
                  <a:lnTo>
                    <a:pt x="242" y="1233"/>
                  </a:lnTo>
                  <a:lnTo>
                    <a:pt x="254" y="1227"/>
                  </a:lnTo>
                  <a:lnTo>
                    <a:pt x="265" y="1220"/>
                  </a:lnTo>
                  <a:lnTo>
                    <a:pt x="274" y="1212"/>
                  </a:lnTo>
                  <a:lnTo>
                    <a:pt x="283" y="1205"/>
                  </a:lnTo>
                  <a:lnTo>
                    <a:pt x="296" y="1190"/>
                  </a:lnTo>
                  <a:lnTo>
                    <a:pt x="305" y="1178"/>
                  </a:lnTo>
                  <a:lnTo>
                    <a:pt x="313" y="1164"/>
                  </a:lnTo>
                  <a:lnTo>
                    <a:pt x="313" y="1164"/>
                  </a:lnTo>
                  <a:lnTo>
                    <a:pt x="319" y="1155"/>
                  </a:lnTo>
                  <a:lnTo>
                    <a:pt x="325" y="1147"/>
                  </a:lnTo>
                  <a:lnTo>
                    <a:pt x="331" y="1139"/>
                  </a:lnTo>
                  <a:lnTo>
                    <a:pt x="338" y="1133"/>
                  </a:lnTo>
                  <a:lnTo>
                    <a:pt x="344" y="1129"/>
                  </a:lnTo>
                  <a:lnTo>
                    <a:pt x="352" y="1126"/>
                  </a:lnTo>
                  <a:lnTo>
                    <a:pt x="358" y="1124"/>
                  </a:lnTo>
                  <a:lnTo>
                    <a:pt x="365" y="1124"/>
                  </a:lnTo>
                  <a:lnTo>
                    <a:pt x="371" y="1126"/>
                  </a:lnTo>
                  <a:lnTo>
                    <a:pt x="377" y="1129"/>
                  </a:lnTo>
                  <a:lnTo>
                    <a:pt x="382" y="1133"/>
                  </a:lnTo>
                  <a:lnTo>
                    <a:pt x="386" y="1139"/>
                  </a:lnTo>
                  <a:lnTo>
                    <a:pt x="389" y="1147"/>
                  </a:lnTo>
                  <a:lnTo>
                    <a:pt x="392" y="1155"/>
                  </a:lnTo>
                  <a:lnTo>
                    <a:pt x="393" y="1166"/>
                  </a:lnTo>
                  <a:lnTo>
                    <a:pt x="395" y="1176"/>
                  </a:lnTo>
                  <a:lnTo>
                    <a:pt x="395" y="1979"/>
                  </a:lnTo>
                  <a:lnTo>
                    <a:pt x="1256" y="1976"/>
                  </a:lnTo>
                  <a:lnTo>
                    <a:pt x="1256" y="1976"/>
                  </a:lnTo>
                  <a:lnTo>
                    <a:pt x="1266" y="1978"/>
                  </a:lnTo>
                  <a:lnTo>
                    <a:pt x="1277" y="1979"/>
                  </a:lnTo>
                  <a:lnTo>
                    <a:pt x="1286" y="1982"/>
                  </a:lnTo>
                  <a:lnTo>
                    <a:pt x="1292" y="1985"/>
                  </a:lnTo>
                  <a:lnTo>
                    <a:pt x="1298" y="1990"/>
                  </a:lnTo>
                  <a:lnTo>
                    <a:pt x="1302" y="1996"/>
                  </a:lnTo>
                  <a:lnTo>
                    <a:pt x="1305" y="2000"/>
                  </a:lnTo>
                  <a:lnTo>
                    <a:pt x="1307" y="2006"/>
                  </a:lnTo>
                  <a:lnTo>
                    <a:pt x="1307" y="2014"/>
                  </a:lnTo>
                  <a:lnTo>
                    <a:pt x="1305" y="2020"/>
                  </a:lnTo>
                  <a:lnTo>
                    <a:pt x="1302" y="2027"/>
                  </a:lnTo>
                  <a:lnTo>
                    <a:pt x="1298" y="2033"/>
                  </a:lnTo>
                  <a:lnTo>
                    <a:pt x="1292" y="2040"/>
                  </a:lnTo>
                  <a:lnTo>
                    <a:pt x="1284" y="2046"/>
                  </a:lnTo>
                  <a:lnTo>
                    <a:pt x="1275" y="2052"/>
                  </a:lnTo>
                  <a:lnTo>
                    <a:pt x="1265" y="2057"/>
                  </a:lnTo>
                  <a:lnTo>
                    <a:pt x="1265" y="2057"/>
                  </a:lnTo>
                  <a:lnTo>
                    <a:pt x="1253" y="2064"/>
                  </a:lnTo>
                  <a:lnTo>
                    <a:pt x="1239" y="2075"/>
                  </a:lnTo>
                  <a:lnTo>
                    <a:pt x="1225" y="2088"/>
                  </a:lnTo>
                  <a:lnTo>
                    <a:pt x="1217" y="2097"/>
                  </a:lnTo>
                  <a:lnTo>
                    <a:pt x="1211" y="2106"/>
                  </a:lnTo>
                  <a:lnTo>
                    <a:pt x="1204" y="2117"/>
                  </a:lnTo>
                  <a:lnTo>
                    <a:pt x="1198" y="2129"/>
                  </a:lnTo>
                  <a:lnTo>
                    <a:pt x="1193" y="2141"/>
                  </a:lnTo>
                  <a:lnTo>
                    <a:pt x="1189" y="2156"/>
                  </a:lnTo>
                  <a:lnTo>
                    <a:pt x="1186" y="2171"/>
                  </a:lnTo>
                  <a:lnTo>
                    <a:pt x="1186" y="2187"/>
                  </a:lnTo>
                  <a:lnTo>
                    <a:pt x="1186" y="2187"/>
                  </a:lnTo>
                  <a:lnTo>
                    <a:pt x="1186" y="2206"/>
                  </a:lnTo>
                  <a:lnTo>
                    <a:pt x="1190" y="2224"/>
                  </a:lnTo>
                  <a:lnTo>
                    <a:pt x="1196" y="2242"/>
                  </a:lnTo>
                  <a:lnTo>
                    <a:pt x="1204" y="2259"/>
                  </a:lnTo>
                  <a:lnTo>
                    <a:pt x="1213" y="2275"/>
                  </a:lnTo>
                  <a:lnTo>
                    <a:pt x="1225" y="2290"/>
                  </a:lnTo>
                  <a:lnTo>
                    <a:pt x="1238" y="2304"/>
                  </a:lnTo>
                  <a:lnTo>
                    <a:pt x="1253" y="2317"/>
                  </a:lnTo>
                  <a:lnTo>
                    <a:pt x="1268" y="2329"/>
                  </a:lnTo>
                  <a:lnTo>
                    <a:pt x="1286" y="2339"/>
                  </a:lnTo>
                  <a:lnTo>
                    <a:pt x="1305" y="2348"/>
                  </a:lnTo>
                  <a:lnTo>
                    <a:pt x="1325" y="2357"/>
                  </a:lnTo>
                  <a:lnTo>
                    <a:pt x="1346" y="2363"/>
                  </a:lnTo>
                  <a:lnTo>
                    <a:pt x="1368" y="2368"/>
                  </a:lnTo>
                  <a:lnTo>
                    <a:pt x="1390" y="2371"/>
                  </a:lnTo>
                  <a:lnTo>
                    <a:pt x="1414" y="2371"/>
                  </a:lnTo>
                  <a:lnTo>
                    <a:pt x="1414" y="2371"/>
                  </a:lnTo>
                  <a:lnTo>
                    <a:pt x="1438" y="2371"/>
                  </a:lnTo>
                  <a:lnTo>
                    <a:pt x="1461" y="2368"/>
                  </a:lnTo>
                  <a:lnTo>
                    <a:pt x="1483" y="2363"/>
                  </a:lnTo>
                  <a:lnTo>
                    <a:pt x="1504" y="2357"/>
                  </a:lnTo>
                  <a:lnTo>
                    <a:pt x="1523" y="2348"/>
                  </a:lnTo>
                  <a:lnTo>
                    <a:pt x="1543" y="2339"/>
                  </a:lnTo>
                  <a:lnTo>
                    <a:pt x="1561" y="2329"/>
                  </a:lnTo>
                  <a:lnTo>
                    <a:pt x="1577" y="2317"/>
                  </a:lnTo>
                  <a:lnTo>
                    <a:pt x="1591" y="2304"/>
                  </a:lnTo>
                  <a:lnTo>
                    <a:pt x="1604" y="2290"/>
                  </a:lnTo>
                  <a:lnTo>
                    <a:pt x="1616" y="2275"/>
                  </a:lnTo>
                  <a:lnTo>
                    <a:pt x="1625" y="2259"/>
                  </a:lnTo>
                  <a:lnTo>
                    <a:pt x="1634" y="2242"/>
                  </a:lnTo>
                  <a:lnTo>
                    <a:pt x="1639" y="2224"/>
                  </a:lnTo>
                  <a:lnTo>
                    <a:pt x="1643" y="2206"/>
                  </a:lnTo>
                  <a:lnTo>
                    <a:pt x="1645" y="2187"/>
                  </a:lnTo>
                  <a:lnTo>
                    <a:pt x="1645" y="2187"/>
                  </a:lnTo>
                  <a:lnTo>
                    <a:pt x="1643" y="2171"/>
                  </a:lnTo>
                  <a:lnTo>
                    <a:pt x="1640" y="2156"/>
                  </a:lnTo>
                  <a:lnTo>
                    <a:pt x="1637" y="2141"/>
                  </a:lnTo>
                  <a:lnTo>
                    <a:pt x="1631" y="2129"/>
                  </a:lnTo>
                  <a:lnTo>
                    <a:pt x="1625" y="2117"/>
                  </a:lnTo>
                  <a:lnTo>
                    <a:pt x="1619" y="2106"/>
                  </a:lnTo>
                  <a:lnTo>
                    <a:pt x="1612" y="2097"/>
                  </a:lnTo>
                  <a:lnTo>
                    <a:pt x="1604" y="2088"/>
                  </a:lnTo>
                  <a:lnTo>
                    <a:pt x="1589" y="2075"/>
                  </a:lnTo>
                  <a:lnTo>
                    <a:pt x="1576" y="2064"/>
                  </a:lnTo>
                  <a:lnTo>
                    <a:pt x="1564" y="2057"/>
                  </a:lnTo>
                  <a:lnTo>
                    <a:pt x="1564" y="2057"/>
                  </a:lnTo>
                  <a:lnTo>
                    <a:pt x="1553" y="2052"/>
                  </a:lnTo>
                  <a:lnTo>
                    <a:pt x="1544" y="2046"/>
                  </a:lnTo>
                  <a:lnTo>
                    <a:pt x="1537" y="2039"/>
                  </a:lnTo>
                  <a:lnTo>
                    <a:pt x="1531" y="2033"/>
                  </a:lnTo>
                  <a:lnTo>
                    <a:pt x="1526" y="2026"/>
                  </a:lnTo>
                  <a:lnTo>
                    <a:pt x="1523" y="2020"/>
                  </a:lnTo>
                  <a:lnTo>
                    <a:pt x="1522" y="2012"/>
                  </a:lnTo>
                  <a:lnTo>
                    <a:pt x="1522" y="2006"/>
                  </a:lnTo>
                  <a:lnTo>
                    <a:pt x="1523" y="2000"/>
                  </a:lnTo>
                  <a:lnTo>
                    <a:pt x="1526" y="1994"/>
                  </a:lnTo>
                  <a:lnTo>
                    <a:pt x="1531" y="1990"/>
                  </a:lnTo>
                  <a:lnTo>
                    <a:pt x="1537" y="1985"/>
                  </a:lnTo>
                  <a:lnTo>
                    <a:pt x="1544" y="1981"/>
                  </a:lnTo>
                  <a:lnTo>
                    <a:pt x="1553" y="1978"/>
                  </a:lnTo>
                  <a:lnTo>
                    <a:pt x="1564" y="1976"/>
                  </a:lnTo>
                  <a:lnTo>
                    <a:pt x="1576" y="1976"/>
                  </a:lnTo>
                  <a:lnTo>
                    <a:pt x="2377" y="1976"/>
                  </a:lnTo>
                  <a:lnTo>
                    <a:pt x="2377" y="1138"/>
                  </a:lnTo>
                  <a:lnTo>
                    <a:pt x="2377" y="1138"/>
                  </a:lnTo>
                  <a:lnTo>
                    <a:pt x="2370" y="1130"/>
                  </a:lnTo>
                  <a:lnTo>
                    <a:pt x="2362" y="1126"/>
                  </a:lnTo>
                  <a:lnTo>
                    <a:pt x="2353" y="1124"/>
                  </a:lnTo>
                  <a:lnTo>
                    <a:pt x="2343" y="1127"/>
                  </a:lnTo>
                  <a:lnTo>
                    <a:pt x="2334" y="1132"/>
                  </a:lnTo>
                  <a:lnTo>
                    <a:pt x="2323" y="1139"/>
                  </a:lnTo>
                  <a:lnTo>
                    <a:pt x="2314" y="1151"/>
                  </a:lnTo>
                  <a:lnTo>
                    <a:pt x="2305" y="1166"/>
                  </a:lnTo>
                  <a:lnTo>
                    <a:pt x="2305" y="1166"/>
                  </a:lnTo>
                  <a:lnTo>
                    <a:pt x="2298" y="1178"/>
                  </a:lnTo>
                  <a:lnTo>
                    <a:pt x="2289" y="1191"/>
                  </a:lnTo>
                  <a:lnTo>
                    <a:pt x="2275" y="1206"/>
                  </a:lnTo>
                  <a:lnTo>
                    <a:pt x="2266" y="1214"/>
                  </a:lnTo>
                  <a:lnTo>
                    <a:pt x="2257" y="1220"/>
                  </a:lnTo>
                  <a:lnTo>
                    <a:pt x="2247" y="1227"/>
                  </a:lnTo>
                  <a:lnTo>
                    <a:pt x="2235" y="1233"/>
                  </a:lnTo>
                  <a:lnTo>
                    <a:pt x="2222" y="1239"/>
                  </a:lnTo>
                  <a:lnTo>
                    <a:pt x="2208" y="1242"/>
                  </a:lnTo>
                  <a:lnTo>
                    <a:pt x="2193" y="1245"/>
                  </a:lnTo>
                  <a:lnTo>
                    <a:pt x="2177" y="1245"/>
                  </a:lnTo>
                  <a:lnTo>
                    <a:pt x="2177" y="1245"/>
                  </a:lnTo>
                  <a:lnTo>
                    <a:pt x="2157" y="1245"/>
                  </a:lnTo>
                  <a:lnTo>
                    <a:pt x="2139" y="1241"/>
                  </a:lnTo>
                  <a:lnTo>
                    <a:pt x="2121" y="1236"/>
                  </a:lnTo>
                  <a:lnTo>
                    <a:pt x="2105" y="1227"/>
                  </a:lnTo>
                  <a:lnTo>
                    <a:pt x="2089" y="1218"/>
                  </a:lnTo>
                  <a:lnTo>
                    <a:pt x="2074" y="1206"/>
                  </a:lnTo>
                  <a:lnTo>
                    <a:pt x="2060" y="1193"/>
                  </a:lnTo>
                  <a:lnTo>
                    <a:pt x="2047" y="1179"/>
                  </a:lnTo>
                  <a:lnTo>
                    <a:pt x="2035" y="1163"/>
                  </a:lnTo>
                  <a:lnTo>
                    <a:pt x="2024" y="1145"/>
                  </a:lnTo>
                  <a:lnTo>
                    <a:pt x="2015" y="1126"/>
                  </a:lnTo>
                  <a:lnTo>
                    <a:pt x="2006" y="1106"/>
                  </a:lnTo>
                  <a:lnTo>
                    <a:pt x="2000" y="1085"/>
                  </a:lnTo>
                  <a:lnTo>
                    <a:pt x="1996" y="1063"/>
                  </a:lnTo>
                  <a:lnTo>
                    <a:pt x="1993" y="1040"/>
                  </a:lnTo>
                  <a:lnTo>
                    <a:pt x="1993" y="1016"/>
                  </a:lnTo>
                  <a:lnTo>
                    <a:pt x="1993" y="1016"/>
                  </a:lnTo>
                  <a:lnTo>
                    <a:pt x="1993" y="993"/>
                  </a:lnTo>
                  <a:lnTo>
                    <a:pt x="1996" y="970"/>
                  </a:lnTo>
                  <a:lnTo>
                    <a:pt x="2000" y="948"/>
                  </a:lnTo>
                  <a:lnTo>
                    <a:pt x="2006" y="927"/>
                  </a:lnTo>
                  <a:lnTo>
                    <a:pt x="2015" y="907"/>
                  </a:lnTo>
                  <a:lnTo>
                    <a:pt x="2024" y="888"/>
                  </a:lnTo>
                  <a:lnTo>
                    <a:pt x="2035" y="870"/>
                  </a:lnTo>
                  <a:lnTo>
                    <a:pt x="2047" y="855"/>
                  </a:lnTo>
                  <a:lnTo>
                    <a:pt x="2060" y="840"/>
                  </a:lnTo>
                  <a:lnTo>
                    <a:pt x="2074" y="827"/>
                  </a:lnTo>
                  <a:lnTo>
                    <a:pt x="2089" y="815"/>
                  </a:lnTo>
                  <a:lnTo>
                    <a:pt x="2105" y="806"/>
                  </a:lnTo>
                  <a:lnTo>
                    <a:pt x="2121" y="797"/>
                  </a:lnTo>
                  <a:lnTo>
                    <a:pt x="2139" y="792"/>
                  </a:lnTo>
                  <a:lnTo>
                    <a:pt x="2157" y="788"/>
                  </a:lnTo>
                  <a:lnTo>
                    <a:pt x="2177" y="788"/>
                  </a:lnTo>
                  <a:lnTo>
                    <a:pt x="2177" y="788"/>
                  </a:lnTo>
                  <a:close/>
                </a:path>
              </a:pathLst>
            </a:custGeom>
            <a:solidFill>
              <a:schemeClr val="accent6">
                <a:lumMod val="40000"/>
                <a:lumOff val="60000"/>
              </a:schemeClr>
            </a:solidFill>
            <a:ln w="28575">
              <a:solidFill>
                <a:schemeClr val="bg1">
                  <a:lumMod val="50000"/>
                </a:schemeClr>
              </a:solidFill>
              <a:prstDash val="solid"/>
              <a:round/>
              <a:headEnd/>
              <a:tailEnd/>
            </a:ln>
          </p:spPr>
          <p:txBody>
            <a:bodyPr bIns="360000" anchor="ctr"/>
            <a:lstStyle/>
            <a:p>
              <a:pPr algn="ctr" eaLnBrk="1" hangingPunct="1">
                <a:defRPr/>
              </a:pPr>
              <a:r>
                <a:rPr lang="en-GB" sz="3200" dirty="0">
                  <a:solidFill>
                    <a:srgbClr val="FF0000"/>
                  </a:solidFill>
                  <a:cs typeface="Arial" charset="0"/>
                </a:rPr>
                <a:t>*</a:t>
              </a:r>
            </a:p>
            <a:p>
              <a:pPr algn="ctr" eaLnBrk="1" hangingPunct="1">
                <a:defRPr/>
              </a:pPr>
              <a:r>
                <a:rPr lang="en-GB" dirty="0">
                  <a:cs typeface="Arial" charset="0"/>
                </a:rPr>
                <a:t>Cancer</a:t>
              </a:r>
            </a:p>
            <a:p>
              <a:pPr algn="ctr">
                <a:defRPr/>
              </a:pPr>
              <a:r>
                <a:rPr lang="en-US" dirty="0">
                  <a:cs typeface="Arial" charset="0"/>
                </a:rPr>
                <a:t>(</a:t>
              </a:r>
              <a:r>
                <a:rPr lang="en-US" dirty="0" err="1">
                  <a:cs typeface="Arial" charset="0"/>
                </a:rPr>
                <a:t>MedMorph</a:t>
              </a:r>
              <a:r>
                <a:rPr lang="en-US" dirty="0">
                  <a:cs typeface="Arial" charset="0"/>
                </a:rPr>
                <a:t>)</a:t>
              </a:r>
              <a:endParaRPr lang="en-GB" dirty="0">
                <a:cs typeface="Arial" charset="0"/>
              </a:endParaRPr>
            </a:p>
          </p:txBody>
        </p:sp>
        <p:sp>
          <p:nvSpPr>
            <p:cNvPr id="34" name="Freeform 9">
              <a:extLst>
                <a:ext uri="{FF2B5EF4-FFF2-40B4-BE49-F238E27FC236}">
                  <a16:creationId xmlns:a16="http://schemas.microsoft.com/office/drawing/2014/main" id="{63A71B87-34BA-3C4B-9732-4C0FEF67745B}"/>
                </a:ext>
              </a:extLst>
            </p:cNvPr>
            <p:cNvSpPr>
              <a:spLocks/>
            </p:cNvSpPr>
            <p:nvPr/>
          </p:nvSpPr>
          <p:spPr bwMode="auto">
            <a:xfrm>
              <a:off x="2934342"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accent4">
                <a:lumMod val="60000"/>
                <a:lumOff val="4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IHD, CHF, </a:t>
              </a:r>
            </a:p>
            <a:p>
              <a:pPr algn="ctr" eaLnBrk="1" hangingPunct="1">
                <a:defRPr/>
              </a:pPr>
              <a:r>
                <a:rPr lang="en-US" dirty="0">
                  <a:cs typeface="Arial" charset="0"/>
                </a:rPr>
                <a:t>HTN</a:t>
              </a:r>
              <a:endParaRPr lang="en-GB" dirty="0">
                <a:cs typeface="Arial" charset="0"/>
              </a:endParaRPr>
            </a:p>
          </p:txBody>
        </p:sp>
      </p:grpSp>
    </p:spTree>
    <p:extLst>
      <p:ext uri="{BB962C8B-B14F-4D97-AF65-F5344CB8AC3E}">
        <p14:creationId xmlns:p14="http://schemas.microsoft.com/office/powerpoint/2010/main" val="362956405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Rectangle 22">
            <a:extLst>
              <a:ext uri="{FF2B5EF4-FFF2-40B4-BE49-F238E27FC236}">
                <a16:creationId xmlns:a16="http://schemas.microsoft.com/office/drawing/2014/main" id="{88DAC040-0DBC-A642-9D74-8AE07816E653}"/>
              </a:ext>
            </a:extLst>
          </p:cNvPr>
          <p:cNvSpPr/>
          <p:nvPr/>
        </p:nvSpPr>
        <p:spPr>
          <a:xfrm>
            <a:off x="8403021" y="5360276"/>
            <a:ext cx="3788979" cy="14977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EABF7EA-EC17-574E-B89E-73EA19A71FB5}"/>
              </a:ext>
            </a:extLst>
          </p:cNvPr>
          <p:cNvSpPr>
            <a:spLocks noGrp="1"/>
          </p:cNvSpPr>
          <p:nvPr>
            <p:ph type="title"/>
          </p:nvPr>
        </p:nvSpPr>
        <p:spPr>
          <a:xfrm>
            <a:off x="609600" y="182880"/>
            <a:ext cx="10972800" cy="914400"/>
          </a:xfrm>
        </p:spPr>
        <p:txBody>
          <a:bodyPr>
            <a:normAutofit fontScale="90000"/>
          </a:bodyPr>
          <a:lstStyle/>
          <a:p>
            <a:r>
              <a:rPr lang="en-US" dirty="0"/>
              <a:t>Expand e-care plan data elements &amp; standards: </a:t>
            </a:r>
            <a:br>
              <a:rPr lang="en-US" dirty="0"/>
            </a:br>
            <a:r>
              <a:rPr lang="en-US" dirty="0"/>
              <a:t>…beyond the work we are doing at NIDDK</a:t>
            </a:r>
          </a:p>
        </p:txBody>
      </p:sp>
      <p:grpSp>
        <p:nvGrpSpPr>
          <p:cNvPr id="3" name="Group 2">
            <a:extLst>
              <a:ext uri="{FF2B5EF4-FFF2-40B4-BE49-F238E27FC236}">
                <a16:creationId xmlns:a16="http://schemas.microsoft.com/office/drawing/2014/main" id="{F24E494A-4921-2D41-B957-5C45F000CB97}"/>
              </a:ext>
            </a:extLst>
          </p:cNvPr>
          <p:cNvGrpSpPr/>
          <p:nvPr/>
        </p:nvGrpSpPr>
        <p:grpSpPr>
          <a:xfrm>
            <a:off x="2147036" y="1653409"/>
            <a:ext cx="7897928" cy="4713287"/>
            <a:chOff x="1657235" y="1653409"/>
            <a:chExt cx="7897928" cy="4713287"/>
          </a:xfrm>
        </p:grpSpPr>
        <p:sp>
          <p:nvSpPr>
            <p:cNvPr id="12" name="Freeform 5">
              <a:extLst>
                <a:ext uri="{FF2B5EF4-FFF2-40B4-BE49-F238E27FC236}">
                  <a16:creationId xmlns:a16="http://schemas.microsoft.com/office/drawing/2014/main" id="{5B11544A-8CBD-584D-B56E-532B70054DC1}"/>
                </a:ext>
              </a:extLst>
            </p:cNvPr>
            <p:cNvSpPr>
              <a:spLocks/>
            </p:cNvSpPr>
            <p:nvPr/>
          </p:nvSpPr>
          <p:spPr bwMode="auto">
            <a:xfrm>
              <a:off x="1657235" y="3223446"/>
              <a:ext cx="1571625" cy="1887538"/>
            </a:xfrm>
            <a:custGeom>
              <a:avLst/>
              <a:gdLst>
                <a:gd name="T0" fmla="*/ 1810 w 1979"/>
                <a:gd name="T1" fmla="*/ 795 h 2378"/>
                <a:gd name="T2" fmla="*/ 1859 w 1979"/>
                <a:gd name="T3" fmla="*/ 816 h 2378"/>
                <a:gd name="T4" fmla="*/ 1901 w 1979"/>
                <a:gd name="T5" fmla="*/ 859 h 2378"/>
                <a:gd name="T6" fmla="*/ 1925 w 1979"/>
                <a:gd name="T7" fmla="*/ 897 h 2378"/>
                <a:gd name="T8" fmla="*/ 1964 w 1979"/>
                <a:gd name="T9" fmla="*/ 912 h 2378"/>
                <a:gd name="T10" fmla="*/ 1131 w 1979"/>
                <a:gd name="T11" fmla="*/ 0 h 2378"/>
                <a:gd name="T12" fmla="*/ 1125 w 1979"/>
                <a:gd name="T13" fmla="*/ 24 h 2378"/>
                <a:gd name="T14" fmla="*/ 1152 w 1979"/>
                <a:gd name="T15" fmla="*/ 58 h 2378"/>
                <a:gd name="T16" fmla="*/ 1191 w 1979"/>
                <a:gd name="T17" fmla="*/ 82 h 2378"/>
                <a:gd name="T18" fmla="*/ 1229 w 1979"/>
                <a:gd name="T19" fmla="*/ 125 h 2378"/>
                <a:gd name="T20" fmla="*/ 1245 w 1979"/>
                <a:gd name="T21" fmla="*/ 178 h 2378"/>
                <a:gd name="T22" fmla="*/ 1242 w 1979"/>
                <a:gd name="T23" fmla="*/ 231 h 2378"/>
                <a:gd name="T24" fmla="*/ 1208 w 1979"/>
                <a:gd name="T25" fmla="*/ 297 h 2378"/>
                <a:gd name="T26" fmla="*/ 1145 w 1979"/>
                <a:gd name="T27" fmla="*/ 348 h 2378"/>
                <a:gd name="T28" fmla="*/ 1063 w 1979"/>
                <a:gd name="T29" fmla="*/ 375 h 2378"/>
                <a:gd name="T30" fmla="*/ 994 w 1979"/>
                <a:gd name="T31" fmla="*/ 378 h 2378"/>
                <a:gd name="T32" fmla="*/ 907 w 1979"/>
                <a:gd name="T33" fmla="*/ 357 h 2378"/>
                <a:gd name="T34" fmla="*/ 840 w 1979"/>
                <a:gd name="T35" fmla="*/ 312 h 2378"/>
                <a:gd name="T36" fmla="*/ 798 w 1979"/>
                <a:gd name="T37" fmla="*/ 249 h 2378"/>
                <a:gd name="T38" fmla="*/ 788 w 1979"/>
                <a:gd name="T39" fmla="*/ 194 h 2378"/>
                <a:gd name="T40" fmla="*/ 800 w 1979"/>
                <a:gd name="T41" fmla="*/ 136 h 2378"/>
                <a:gd name="T42" fmla="*/ 828 w 1979"/>
                <a:gd name="T43" fmla="*/ 95 h 2378"/>
                <a:gd name="T44" fmla="*/ 868 w 1979"/>
                <a:gd name="T45" fmla="*/ 65 h 2378"/>
                <a:gd name="T46" fmla="*/ 906 w 1979"/>
                <a:gd name="T47" fmla="*/ 33 h 2378"/>
                <a:gd name="T48" fmla="*/ 903 w 1979"/>
                <a:gd name="T49" fmla="*/ 0 h 2378"/>
                <a:gd name="T50" fmla="*/ 856 w 1979"/>
                <a:gd name="T51" fmla="*/ 1982 h 2378"/>
                <a:gd name="T52" fmla="*/ 894 w 1979"/>
                <a:gd name="T53" fmla="*/ 1991 h 2378"/>
                <a:gd name="T54" fmla="*/ 909 w 1979"/>
                <a:gd name="T55" fmla="*/ 2013 h 2378"/>
                <a:gd name="T56" fmla="*/ 900 w 1979"/>
                <a:gd name="T57" fmla="*/ 2039 h 2378"/>
                <a:gd name="T58" fmla="*/ 868 w 1979"/>
                <a:gd name="T59" fmla="*/ 2064 h 2378"/>
                <a:gd name="T60" fmla="*/ 828 w 1979"/>
                <a:gd name="T61" fmla="*/ 2095 h 2378"/>
                <a:gd name="T62" fmla="*/ 800 w 1979"/>
                <a:gd name="T63" fmla="*/ 2134 h 2378"/>
                <a:gd name="T64" fmla="*/ 788 w 1979"/>
                <a:gd name="T65" fmla="*/ 2193 h 2378"/>
                <a:gd name="T66" fmla="*/ 798 w 1979"/>
                <a:gd name="T67" fmla="*/ 2248 h 2378"/>
                <a:gd name="T68" fmla="*/ 840 w 1979"/>
                <a:gd name="T69" fmla="*/ 2311 h 2378"/>
                <a:gd name="T70" fmla="*/ 907 w 1979"/>
                <a:gd name="T71" fmla="*/ 2356 h 2378"/>
                <a:gd name="T72" fmla="*/ 994 w 1979"/>
                <a:gd name="T73" fmla="*/ 2376 h 2378"/>
                <a:gd name="T74" fmla="*/ 1063 w 1979"/>
                <a:gd name="T75" fmla="*/ 2374 h 2378"/>
                <a:gd name="T76" fmla="*/ 1145 w 1979"/>
                <a:gd name="T77" fmla="*/ 2347 h 2378"/>
                <a:gd name="T78" fmla="*/ 1206 w 1979"/>
                <a:gd name="T79" fmla="*/ 2296 h 2378"/>
                <a:gd name="T80" fmla="*/ 1242 w 1979"/>
                <a:gd name="T81" fmla="*/ 2230 h 2378"/>
                <a:gd name="T82" fmla="*/ 1245 w 1979"/>
                <a:gd name="T83" fmla="*/ 2178 h 2378"/>
                <a:gd name="T84" fmla="*/ 1227 w 1979"/>
                <a:gd name="T85" fmla="*/ 2124 h 2378"/>
                <a:gd name="T86" fmla="*/ 1191 w 1979"/>
                <a:gd name="T87" fmla="*/ 2081 h 2378"/>
                <a:gd name="T88" fmla="*/ 1155 w 1979"/>
                <a:gd name="T89" fmla="*/ 2058 h 2378"/>
                <a:gd name="T90" fmla="*/ 1128 w 1979"/>
                <a:gd name="T91" fmla="*/ 2033 h 2378"/>
                <a:gd name="T92" fmla="*/ 1127 w 1979"/>
                <a:gd name="T93" fmla="*/ 2006 h 2378"/>
                <a:gd name="T94" fmla="*/ 1146 w 1979"/>
                <a:gd name="T95" fmla="*/ 1988 h 2378"/>
                <a:gd name="T96" fmla="*/ 1979 w 1979"/>
                <a:gd name="T97" fmla="*/ 1982 h 2378"/>
                <a:gd name="T98" fmla="*/ 1964 w 1979"/>
                <a:gd name="T99" fmla="*/ 1130 h 2378"/>
                <a:gd name="T100" fmla="*/ 1925 w 1979"/>
                <a:gd name="T101" fmla="*/ 1143 h 2378"/>
                <a:gd name="T102" fmla="*/ 1901 w 1979"/>
                <a:gd name="T103" fmla="*/ 1182 h 2378"/>
                <a:gd name="T104" fmla="*/ 1859 w 1979"/>
                <a:gd name="T105" fmla="*/ 1224 h 2378"/>
                <a:gd name="T106" fmla="*/ 1810 w 1979"/>
                <a:gd name="T107" fmla="*/ 1246 h 2378"/>
                <a:gd name="T108" fmla="*/ 1759 w 1979"/>
                <a:gd name="T109" fmla="*/ 1248 h 2378"/>
                <a:gd name="T110" fmla="*/ 1690 w 1979"/>
                <a:gd name="T111" fmla="*/ 1222 h 2378"/>
                <a:gd name="T112" fmla="*/ 1637 w 1979"/>
                <a:gd name="T113" fmla="*/ 1166 h 2378"/>
                <a:gd name="T114" fmla="*/ 1602 w 1979"/>
                <a:gd name="T115" fmla="*/ 1088 h 2378"/>
                <a:gd name="T116" fmla="*/ 1595 w 1979"/>
                <a:gd name="T117" fmla="*/ 1021 h 2378"/>
                <a:gd name="T118" fmla="*/ 1610 w 1979"/>
                <a:gd name="T119" fmla="*/ 931 h 2378"/>
                <a:gd name="T120" fmla="*/ 1649 w 1979"/>
                <a:gd name="T121" fmla="*/ 858 h 2378"/>
                <a:gd name="T122" fmla="*/ 1707 w 1979"/>
                <a:gd name="T123" fmla="*/ 808 h 2378"/>
                <a:gd name="T124" fmla="*/ 1779 w 1979"/>
                <a:gd name="T125" fmla="*/ 790 h 23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79" h="2378">
                  <a:moveTo>
                    <a:pt x="1779" y="790"/>
                  </a:moveTo>
                  <a:lnTo>
                    <a:pt x="1779" y="790"/>
                  </a:lnTo>
                  <a:lnTo>
                    <a:pt x="1795" y="792"/>
                  </a:lnTo>
                  <a:lnTo>
                    <a:pt x="1810" y="795"/>
                  </a:lnTo>
                  <a:lnTo>
                    <a:pt x="1825" y="798"/>
                  </a:lnTo>
                  <a:lnTo>
                    <a:pt x="1837" y="804"/>
                  </a:lnTo>
                  <a:lnTo>
                    <a:pt x="1849" y="810"/>
                  </a:lnTo>
                  <a:lnTo>
                    <a:pt x="1859" y="816"/>
                  </a:lnTo>
                  <a:lnTo>
                    <a:pt x="1868" y="823"/>
                  </a:lnTo>
                  <a:lnTo>
                    <a:pt x="1877" y="831"/>
                  </a:lnTo>
                  <a:lnTo>
                    <a:pt x="1891" y="846"/>
                  </a:lnTo>
                  <a:lnTo>
                    <a:pt x="1901" y="859"/>
                  </a:lnTo>
                  <a:lnTo>
                    <a:pt x="1909" y="871"/>
                  </a:lnTo>
                  <a:lnTo>
                    <a:pt x="1909" y="871"/>
                  </a:lnTo>
                  <a:lnTo>
                    <a:pt x="1916" y="886"/>
                  </a:lnTo>
                  <a:lnTo>
                    <a:pt x="1925" y="897"/>
                  </a:lnTo>
                  <a:lnTo>
                    <a:pt x="1936" y="906"/>
                  </a:lnTo>
                  <a:lnTo>
                    <a:pt x="1945" y="910"/>
                  </a:lnTo>
                  <a:lnTo>
                    <a:pt x="1955" y="913"/>
                  </a:lnTo>
                  <a:lnTo>
                    <a:pt x="1964" y="912"/>
                  </a:lnTo>
                  <a:lnTo>
                    <a:pt x="1972" y="907"/>
                  </a:lnTo>
                  <a:lnTo>
                    <a:pt x="1979" y="900"/>
                  </a:lnTo>
                  <a:lnTo>
                    <a:pt x="1979" y="0"/>
                  </a:lnTo>
                  <a:lnTo>
                    <a:pt x="1131" y="0"/>
                  </a:lnTo>
                  <a:lnTo>
                    <a:pt x="1131" y="0"/>
                  </a:lnTo>
                  <a:lnTo>
                    <a:pt x="1127" y="7"/>
                  </a:lnTo>
                  <a:lnTo>
                    <a:pt x="1125" y="15"/>
                  </a:lnTo>
                  <a:lnTo>
                    <a:pt x="1125" y="24"/>
                  </a:lnTo>
                  <a:lnTo>
                    <a:pt x="1128" y="33"/>
                  </a:lnTo>
                  <a:lnTo>
                    <a:pt x="1134" y="42"/>
                  </a:lnTo>
                  <a:lnTo>
                    <a:pt x="1142" y="50"/>
                  </a:lnTo>
                  <a:lnTo>
                    <a:pt x="1152" y="58"/>
                  </a:lnTo>
                  <a:lnTo>
                    <a:pt x="1166" y="65"/>
                  </a:lnTo>
                  <a:lnTo>
                    <a:pt x="1166" y="65"/>
                  </a:lnTo>
                  <a:lnTo>
                    <a:pt x="1179" y="73"/>
                  </a:lnTo>
                  <a:lnTo>
                    <a:pt x="1191" y="82"/>
                  </a:lnTo>
                  <a:lnTo>
                    <a:pt x="1206" y="95"/>
                  </a:lnTo>
                  <a:lnTo>
                    <a:pt x="1214" y="104"/>
                  </a:lnTo>
                  <a:lnTo>
                    <a:pt x="1221" y="113"/>
                  </a:lnTo>
                  <a:lnTo>
                    <a:pt x="1229" y="125"/>
                  </a:lnTo>
                  <a:lnTo>
                    <a:pt x="1235" y="136"/>
                  </a:lnTo>
                  <a:lnTo>
                    <a:pt x="1239" y="149"/>
                  </a:lnTo>
                  <a:lnTo>
                    <a:pt x="1244" y="163"/>
                  </a:lnTo>
                  <a:lnTo>
                    <a:pt x="1245" y="178"/>
                  </a:lnTo>
                  <a:lnTo>
                    <a:pt x="1247" y="194"/>
                  </a:lnTo>
                  <a:lnTo>
                    <a:pt x="1247" y="194"/>
                  </a:lnTo>
                  <a:lnTo>
                    <a:pt x="1245" y="213"/>
                  </a:lnTo>
                  <a:lnTo>
                    <a:pt x="1242" y="231"/>
                  </a:lnTo>
                  <a:lnTo>
                    <a:pt x="1236" y="249"/>
                  </a:lnTo>
                  <a:lnTo>
                    <a:pt x="1229" y="266"/>
                  </a:lnTo>
                  <a:lnTo>
                    <a:pt x="1218" y="282"/>
                  </a:lnTo>
                  <a:lnTo>
                    <a:pt x="1208" y="297"/>
                  </a:lnTo>
                  <a:lnTo>
                    <a:pt x="1194" y="312"/>
                  </a:lnTo>
                  <a:lnTo>
                    <a:pt x="1179" y="326"/>
                  </a:lnTo>
                  <a:lnTo>
                    <a:pt x="1163" y="336"/>
                  </a:lnTo>
                  <a:lnTo>
                    <a:pt x="1145" y="348"/>
                  </a:lnTo>
                  <a:lnTo>
                    <a:pt x="1127" y="357"/>
                  </a:lnTo>
                  <a:lnTo>
                    <a:pt x="1106" y="364"/>
                  </a:lnTo>
                  <a:lnTo>
                    <a:pt x="1085" y="370"/>
                  </a:lnTo>
                  <a:lnTo>
                    <a:pt x="1063" y="375"/>
                  </a:lnTo>
                  <a:lnTo>
                    <a:pt x="1040" y="378"/>
                  </a:lnTo>
                  <a:lnTo>
                    <a:pt x="1018" y="379"/>
                  </a:lnTo>
                  <a:lnTo>
                    <a:pt x="1018" y="379"/>
                  </a:lnTo>
                  <a:lnTo>
                    <a:pt x="994" y="378"/>
                  </a:lnTo>
                  <a:lnTo>
                    <a:pt x="972" y="375"/>
                  </a:lnTo>
                  <a:lnTo>
                    <a:pt x="949" y="370"/>
                  </a:lnTo>
                  <a:lnTo>
                    <a:pt x="928" y="364"/>
                  </a:lnTo>
                  <a:lnTo>
                    <a:pt x="907" y="357"/>
                  </a:lnTo>
                  <a:lnTo>
                    <a:pt x="889" y="348"/>
                  </a:lnTo>
                  <a:lnTo>
                    <a:pt x="871" y="336"/>
                  </a:lnTo>
                  <a:lnTo>
                    <a:pt x="855" y="326"/>
                  </a:lnTo>
                  <a:lnTo>
                    <a:pt x="840" y="312"/>
                  </a:lnTo>
                  <a:lnTo>
                    <a:pt x="827" y="297"/>
                  </a:lnTo>
                  <a:lnTo>
                    <a:pt x="816" y="282"/>
                  </a:lnTo>
                  <a:lnTo>
                    <a:pt x="806" y="266"/>
                  </a:lnTo>
                  <a:lnTo>
                    <a:pt x="798" y="249"/>
                  </a:lnTo>
                  <a:lnTo>
                    <a:pt x="792" y="231"/>
                  </a:lnTo>
                  <a:lnTo>
                    <a:pt x="789" y="213"/>
                  </a:lnTo>
                  <a:lnTo>
                    <a:pt x="788" y="194"/>
                  </a:lnTo>
                  <a:lnTo>
                    <a:pt x="788" y="194"/>
                  </a:lnTo>
                  <a:lnTo>
                    <a:pt x="789" y="178"/>
                  </a:lnTo>
                  <a:lnTo>
                    <a:pt x="791" y="163"/>
                  </a:lnTo>
                  <a:lnTo>
                    <a:pt x="795" y="149"/>
                  </a:lnTo>
                  <a:lnTo>
                    <a:pt x="800" y="136"/>
                  </a:lnTo>
                  <a:lnTo>
                    <a:pt x="807" y="125"/>
                  </a:lnTo>
                  <a:lnTo>
                    <a:pt x="813" y="113"/>
                  </a:lnTo>
                  <a:lnTo>
                    <a:pt x="821" y="104"/>
                  </a:lnTo>
                  <a:lnTo>
                    <a:pt x="828" y="95"/>
                  </a:lnTo>
                  <a:lnTo>
                    <a:pt x="843" y="82"/>
                  </a:lnTo>
                  <a:lnTo>
                    <a:pt x="855" y="73"/>
                  </a:lnTo>
                  <a:lnTo>
                    <a:pt x="868" y="65"/>
                  </a:lnTo>
                  <a:lnTo>
                    <a:pt x="868" y="65"/>
                  </a:lnTo>
                  <a:lnTo>
                    <a:pt x="882" y="58"/>
                  </a:lnTo>
                  <a:lnTo>
                    <a:pt x="892" y="50"/>
                  </a:lnTo>
                  <a:lnTo>
                    <a:pt x="900" y="42"/>
                  </a:lnTo>
                  <a:lnTo>
                    <a:pt x="906" y="33"/>
                  </a:lnTo>
                  <a:lnTo>
                    <a:pt x="909" y="24"/>
                  </a:lnTo>
                  <a:lnTo>
                    <a:pt x="909" y="15"/>
                  </a:lnTo>
                  <a:lnTo>
                    <a:pt x="907" y="7"/>
                  </a:lnTo>
                  <a:lnTo>
                    <a:pt x="903" y="0"/>
                  </a:lnTo>
                  <a:lnTo>
                    <a:pt x="0" y="0"/>
                  </a:lnTo>
                  <a:lnTo>
                    <a:pt x="0" y="1982"/>
                  </a:lnTo>
                  <a:lnTo>
                    <a:pt x="856" y="1982"/>
                  </a:lnTo>
                  <a:lnTo>
                    <a:pt x="856" y="1982"/>
                  </a:lnTo>
                  <a:lnTo>
                    <a:pt x="867" y="1983"/>
                  </a:lnTo>
                  <a:lnTo>
                    <a:pt x="877" y="1985"/>
                  </a:lnTo>
                  <a:lnTo>
                    <a:pt x="886" y="1988"/>
                  </a:lnTo>
                  <a:lnTo>
                    <a:pt x="894" y="1991"/>
                  </a:lnTo>
                  <a:lnTo>
                    <a:pt x="900" y="1995"/>
                  </a:lnTo>
                  <a:lnTo>
                    <a:pt x="904" y="2001"/>
                  </a:lnTo>
                  <a:lnTo>
                    <a:pt x="907" y="2006"/>
                  </a:lnTo>
                  <a:lnTo>
                    <a:pt x="909" y="2013"/>
                  </a:lnTo>
                  <a:lnTo>
                    <a:pt x="909" y="2019"/>
                  </a:lnTo>
                  <a:lnTo>
                    <a:pt x="907" y="2025"/>
                  </a:lnTo>
                  <a:lnTo>
                    <a:pt x="904" y="2033"/>
                  </a:lnTo>
                  <a:lnTo>
                    <a:pt x="900" y="2039"/>
                  </a:lnTo>
                  <a:lnTo>
                    <a:pt x="894" y="2046"/>
                  </a:lnTo>
                  <a:lnTo>
                    <a:pt x="886" y="2052"/>
                  </a:lnTo>
                  <a:lnTo>
                    <a:pt x="877" y="2058"/>
                  </a:lnTo>
                  <a:lnTo>
                    <a:pt x="868" y="2064"/>
                  </a:lnTo>
                  <a:lnTo>
                    <a:pt x="868" y="2064"/>
                  </a:lnTo>
                  <a:lnTo>
                    <a:pt x="855" y="2072"/>
                  </a:lnTo>
                  <a:lnTo>
                    <a:pt x="843" y="2081"/>
                  </a:lnTo>
                  <a:lnTo>
                    <a:pt x="828" y="2095"/>
                  </a:lnTo>
                  <a:lnTo>
                    <a:pt x="821" y="2103"/>
                  </a:lnTo>
                  <a:lnTo>
                    <a:pt x="813" y="2113"/>
                  </a:lnTo>
                  <a:lnTo>
                    <a:pt x="806" y="2124"/>
                  </a:lnTo>
                  <a:lnTo>
                    <a:pt x="800" y="2134"/>
                  </a:lnTo>
                  <a:lnTo>
                    <a:pt x="795" y="2148"/>
                  </a:lnTo>
                  <a:lnTo>
                    <a:pt x="791" y="2161"/>
                  </a:lnTo>
                  <a:lnTo>
                    <a:pt x="788" y="2178"/>
                  </a:lnTo>
                  <a:lnTo>
                    <a:pt x="788" y="2193"/>
                  </a:lnTo>
                  <a:lnTo>
                    <a:pt x="788" y="2193"/>
                  </a:lnTo>
                  <a:lnTo>
                    <a:pt x="789" y="2212"/>
                  </a:lnTo>
                  <a:lnTo>
                    <a:pt x="792" y="2230"/>
                  </a:lnTo>
                  <a:lnTo>
                    <a:pt x="798" y="2248"/>
                  </a:lnTo>
                  <a:lnTo>
                    <a:pt x="806" y="2264"/>
                  </a:lnTo>
                  <a:lnTo>
                    <a:pt x="815" y="2281"/>
                  </a:lnTo>
                  <a:lnTo>
                    <a:pt x="827" y="2296"/>
                  </a:lnTo>
                  <a:lnTo>
                    <a:pt x="840" y="2311"/>
                  </a:lnTo>
                  <a:lnTo>
                    <a:pt x="855" y="2324"/>
                  </a:lnTo>
                  <a:lnTo>
                    <a:pt x="871" y="2336"/>
                  </a:lnTo>
                  <a:lnTo>
                    <a:pt x="888" y="2347"/>
                  </a:lnTo>
                  <a:lnTo>
                    <a:pt x="907" y="2356"/>
                  </a:lnTo>
                  <a:lnTo>
                    <a:pt x="928" y="2363"/>
                  </a:lnTo>
                  <a:lnTo>
                    <a:pt x="949" y="2369"/>
                  </a:lnTo>
                  <a:lnTo>
                    <a:pt x="970" y="2374"/>
                  </a:lnTo>
                  <a:lnTo>
                    <a:pt x="994" y="2376"/>
                  </a:lnTo>
                  <a:lnTo>
                    <a:pt x="1016" y="2378"/>
                  </a:lnTo>
                  <a:lnTo>
                    <a:pt x="1016" y="2378"/>
                  </a:lnTo>
                  <a:lnTo>
                    <a:pt x="1040" y="2376"/>
                  </a:lnTo>
                  <a:lnTo>
                    <a:pt x="1063" y="2374"/>
                  </a:lnTo>
                  <a:lnTo>
                    <a:pt x="1085" y="2369"/>
                  </a:lnTo>
                  <a:lnTo>
                    <a:pt x="1106" y="2363"/>
                  </a:lnTo>
                  <a:lnTo>
                    <a:pt x="1125" y="2356"/>
                  </a:lnTo>
                  <a:lnTo>
                    <a:pt x="1145" y="2347"/>
                  </a:lnTo>
                  <a:lnTo>
                    <a:pt x="1163" y="2336"/>
                  </a:lnTo>
                  <a:lnTo>
                    <a:pt x="1179" y="2324"/>
                  </a:lnTo>
                  <a:lnTo>
                    <a:pt x="1194" y="2311"/>
                  </a:lnTo>
                  <a:lnTo>
                    <a:pt x="1206" y="2296"/>
                  </a:lnTo>
                  <a:lnTo>
                    <a:pt x="1218" y="2281"/>
                  </a:lnTo>
                  <a:lnTo>
                    <a:pt x="1229" y="2264"/>
                  </a:lnTo>
                  <a:lnTo>
                    <a:pt x="1236" y="2248"/>
                  </a:lnTo>
                  <a:lnTo>
                    <a:pt x="1242" y="2230"/>
                  </a:lnTo>
                  <a:lnTo>
                    <a:pt x="1245" y="2212"/>
                  </a:lnTo>
                  <a:lnTo>
                    <a:pt x="1247" y="2193"/>
                  </a:lnTo>
                  <a:lnTo>
                    <a:pt x="1247" y="2193"/>
                  </a:lnTo>
                  <a:lnTo>
                    <a:pt x="1245" y="2178"/>
                  </a:lnTo>
                  <a:lnTo>
                    <a:pt x="1242" y="2161"/>
                  </a:lnTo>
                  <a:lnTo>
                    <a:pt x="1239" y="2148"/>
                  </a:lnTo>
                  <a:lnTo>
                    <a:pt x="1233" y="2134"/>
                  </a:lnTo>
                  <a:lnTo>
                    <a:pt x="1227" y="2124"/>
                  </a:lnTo>
                  <a:lnTo>
                    <a:pt x="1221" y="2113"/>
                  </a:lnTo>
                  <a:lnTo>
                    <a:pt x="1214" y="2103"/>
                  </a:lnTo>
                  <a:lnTo>
                    <a:pt x="1206" y="2095"/>
                  </a:lnTo>
                  <a:lnTo>
                    <a:pt x="1191" y="2081"/>
                  </a:lnTo>
                  <a:lnTo>
                    <a:pt x="1178" y="2072"/>
                  </a:lnTo>
                  <a:lnTo>
                    <a:pt x="1166" y="2064"/>
                  </a:lnTo>
                  <a:lnTo>
                    <a:pt x="1166" y="2064"/>
                  </a:lnTo>
                  <a:lnTo>
                    <a:pt x="1155" y="2058"/>
                  </a:lnTo>
                  <a:lnTo>
                    <a:pt x="1146" y="2052"/>
                  </a:lnTo>
                  <a:lnTo>
                    <a:pt x="1139" y="2046"/>
                  </a:lnTo>
                  <a:lnTo>
                    <a:pt x="1133" y="2039"/>
                  </a:lnTo>
                  <a:lnTo>
                    <a:pt x="1128" y="2033"/>
                  </a:lnTo>
                  <a:lnTo>
                    <a:pt x="1125" y="2025"/>
                  </a:lnTo>
                  <a:lnTo>
                    <a:pt x="1125" y="2019"/>
                  </a:lnTo>
                  <a:lnTo>
                    <a:pt x="1125" y="2013"/>
                  </a:lnTo>
                  <a:lnTo>
                    <a:pt x="1127" y="2006"/>
                  </a:lnTo>
                  <a:lnTo>
                    <a:pt x="1130" y="2001"/>
                  </a:lnTo>
                  <a:lnTo>
                    <a:pt x="1134" y="1995"/>
                  </a:lnTo>
                  <a:lnTo>
                    <a:pt x="1140" y="1991"/>
                  </a:lnTo>
                  <a:lnTo>
                    <a:pt x="1146" y="1988"/>
                  </a:lnTo>
                  <a:lnTo>
                    <a:pt x="1155" y="1985"/>
                  </a:lnTo>
                  <a:lnTo>
                    <a:pt x="1166" y="1983"/>
                  </a:lnTo>
                  <a:lnTo>
                    <a:pt x="1178" y="1982"/>
                  </a:lnTo>
                  <a:lnTo>
                    <a:pt x="1979" y="1982"/>
                  </a:lnTo>
                  <a:lnTo>
                    <a:pt x="1979" y="1142"/>
                  </a:lnTo>
                  <a:lnTo>
                    <a:pt x="1979" y="1142"/>
                  </a:lnTo>
                  <a:lnTo>
                    <a:pt x="1972" y="1134"/>
                  </a:lnTo>
                  <a:lnTo>
                    <a:pt x="1964" y="1130"/>
                  </a:lnTo>
                  <a:lnTo>
                    <a:pt x="1955" y="1128"/>
                  </a:lnTo>
                  <a:lnTo>
                    <a:pt x="1945" y="1130"/>
                  </a:lnTo>
                  <a:lnTo>
                    <a:pt x="1936" y="1136"/>
                  </a:lnTo>
                  <a:lnTo>
                    <a:pt x="1925" y="1143"/>
                  </a:lnTo>
                  <a:lnTo>
                    <a:pt x="1916" y="1155"/>
                  </a:lnTo>
                  <a:lnTo>
                    <a:pt x="1909" y="1170"/>
                  </a:lnTo>
                  <a:lnTo>
                    <a:pt x="1909" y="1170"/>
                  </a:lnTo>
                  <a:lnTo>
                    <a:pt x="1901" y="1182"/>
                  </a:lnTo>
                  <a:lnTo>
                    <a:pt x="1891" y="1196"/>
                  </a:lnTo>
                  <a:lnTo>
                    <a:pt x="1877" y="1209"/>
                  </a:lnTo>
                  <a:lnTo>
                    <a:pt x="1868" y="1216"/>
                  </a:lnTo>
                  <a:lnTo>
                    <a:pt x="1859" y="1224"/>
                  </a:lnTo>
                  <a:lnTo>
                    <a:pt x="1849" y="1231"/>
                  </a:lnTo>
                  <a:lnTo>
                    <a:pt x="1837" y="1237"/>
                  </a:lnTo>
                  <a:lnTo>
                    <a:pt x="1825" y="1242"/>
                  </a:lnTo>
                  <a:lnTo>
                    <a:pt x="1810" y="1246"/>
                  </a:lnTo>
                  <a:lnTo>
                    <a:pt x="1795" y="1249"/>
                  </a:lnTo>
                  <a:lnTo>
                    <a:pt x="1779" y="1249"/>
                  </a:lnTo>
                  <a:lnTo>
                    <a:pt x="1779" y="1249"/>
                  </a:lnTo>
                  <a:lnTo>
                    <a:pt x="1759" y="1248"/>
                  </a:lnTo>
                  <a:lnTo>
                    <a:pt x="1741" y="1245"/>
                  </a:lnTo>
                  <a:lnTo>
                    <a:pt x="1723" y="1239"/>
                  </a:lnTo>
                  <a:lnTo>
                    <a:pt x="1707" y="1231"/>
                  </a:lnTo>
                  <a:lnTo>
                    <a:pt x="1690" y="1222"/>
                  </a:lnTo>
                  <a:lnTo>
                    <a:pt x="1676" y="1211"/>
                  </a:lnTo>
                  <a:lnTo>
                    <a:pt x="1662" y="1197"/>
                  </a:lnTo>
                  <a:lnTo>
                    <a:pt x="1649" y="1182"/>
                  </a:lnTo>
                  <a:lnTo>
                    <a:pt x="1637" y="1166"/>
                  </a:lnTo>
                  <a:lnTo>
                    <a:pt x="1626" y="1149"/>
                  </a:lnTo>
                  <a:lnTo>
                    <a:pt x="1617" y="1130"/>
                  </a:lnTo>
                  <a:lnTo>
                    <a:pt x="1610" y="1110"/>
                  </a:lnTo>
                  <a:lnTo>
                    <a:pt x="1602" y="1088"/>
                  </a:lnTo>
                  <a:lnTo>
                    <a:pt x="1598" y="1067"/>
                  </a:lnTo>
                  <a:lnTo>
                    <a:pt x="1595" y="1043"/>
                  </a:lnTo>
                  <a:lnTo>
                    <a:pt x="1595" y="1021"/>
                  </a:lnTo>
                  <a:lnTo>
                    <a:pt x="1595" y="1021"/>
                  </a:lnTo>
                  <a:lnTo>
                    <a:pt x="1595" y="997"/>
                  </a:lnTo>
                  <a:lnTo>
                    <a:pt x="1598" y="974"/>
                  </a:lnTo>
                  <a:lnTo>
                    <a:pt x="1602" y="952"/>
                  </a:lnTo>
                  <a:lnTo>
                    <a:pt x="1610" y="931"/>
                  </a:lnTo>
                  <a:lnTo>
                    <a:pt x="1617" y="912"/>
                  </a:lnTo>
                  <a:lnTo>
                    <a:pt x="1626" y="892"/>
                  </a:lnTo>
                  <a:lnTo>
                    <a:pt x="1637" y="874"/>
                  </a:lnTo>
                  <a:lnTo>
                    <a:pt x="1649" y="858"/>
                  </a:lnTo>
                  <a:lnTo>
                    <a:pt x="1662" y="843"/>
                  </a:lnTo>
                  <a:lnTo>
                    <a:pt x="1676" y="831"/>
                  </a:lnTo>
                  <a:lnTo>
                    <a:pt x="1690" y="819"/>
                  </a:lnTo>
                  <a:lnTo>
                    <a:pt x="1707" y="808"/>
                  </a:lnTo>
                  <a:lnTo>
                    <a:pt x="1723" y="801"/>
                  </a:lnTo>
                  <a:lnTo>
                    <a:pt x="1741" y="795"/>
                  </a:lnTo>
                  <a:lnTo>
                    <a:pt x="1759" y="792"/>
                  </a:lnTo>
                  <a:lnTo>
                    <a:pt x="1779" y="790"/>
                  </a:lnTo>
                  <a:lnTo>
                    <a:pt x="1779" y="790"/>
                  </a:lnTo>
                  <a:close/>
                </a:path>
              </a:pathLst>
            </a:custGeom>
            <a:solidFill>
              <a:schemeClr val="accent6">
                <a:lumMod val="40000"/>
                <a:lumOff val="60000"/>
              </a:schemeClr>
            </a:solidFill>
            <a:ln w="28575">
              <a:solidFill>
                <a:schemeClr val="bg1">
                  <a:lumMod val="50000"/>
                </a:schemeClr>
              </a:solidFill>
              <a:prstDash val="solid"/>
              <a:round/>
              <a:headEnd/>
              <a:tailEnd/>
            </a:ln>
          </p:spPr>
          <p:txBody>
            <a:bodyPr bIns="360000" anchor="ctr"/>
            <a:lstStyle/>
            <a:p>
              <a:pPr algn="ctr" eaLnBrk="1" hangingPunct="1">
                <a:defRPr/>
              </a:pPr>
              <a:r>
                <a:rPr lang="en-GB">
                  <a:cs typeface="Arial" charset="0"/>
                </a:rPr>
                <a:t>Bladder</a:t>
              </a:r>
            </a:p>
            <a:p>
              <a:pPr algn="ctr" eaLnBrk="1" hangingPunct="1">
                <a:defRPr/>
              </a:pPr>
              <a:r>
                <a:rPr lang="en-GB">
                  <a:cs typeface="Arial" charset="0"/>
                </a:rPr>
                <a:t>Health</a:t>
              </a:r>
              <a:endParaRPr lang="en-GB" dirty="0">
                <a:cs typeface="Arial" charset="0"/>
              </a:endParaRPr>
            </a:p>
          </p:txBody>
        </p:sp>
        <p:sp>
          <p:nvSpPr>
            <p:cNvPr id="13" name="Freeform 6">
              <a:extLst>
                <a:ext uri="{FF2B5EF4-FFF2-40B4-BE49-F238E27FC236}">
                  <a16:creationId xmlns:a16="http://schemas.microsoft.com/office/drawing/2014/main" id="{561388B0-6C09-B64D-AC45-0DBEB9CFDF2A}"/>
                </a:ext>
              </a:extLst>
            </p:cNvPr>
            <p:cNvSpPr>
              <a:spLocks/>
            </p:cNvSpPr>
            <p:nvPr/>
          </p:nvSpPr>
          <p:spPr bwMode="auto">
            <a:xfrm>
              <a:off x="7983538" y="2913884"/>
              <a:ext cx="1571625" cy="1881187"/>
            </a:xfrm>
            <a:custGeom>
              <a:avLst/>
              <a:gdLst>
                <a:gd name="T0" fmla="*/ 1085 w 1979"/>
                <a:gd name="T1" fmla="*/ 386 h 2371"/>
                <a:gd name="T2" fmla="*/ 1070 w 1979"/>
                <a:gd name="T3" fmla="*/ 368 h 2371"/>
                <a:gd name="T4" fmla="*/ 1073 w 1979"/>
                <a:gd name="T5" fmla="*/ 345 h 2371"/>
                <a:gd name="T6" fmla="*/ 1094 w 1979"/>
                <a:gd name="T7" fmla="*/ 323 h 2371"/>
                <a:gd name="T8" fmla="*/ 1124 w 1979"/>
                <a:gd name="T9" fmla="*/ 305 h 2371"/>
                <a:gd name="T10" fmla="*/ 1166 w 1979"/>
                <a:gd name="T11" fmla="*/ 265 h 2371"/>
                <a:gd name="T12" fmla="*/ 1188 w 1979"/>
                <a:gd name="T13" fmla="*/ 215 h 2371"/>
                <a:gd name="T14" fmla="*/ 1190 w 1979"/>
                <a:gd name="T15" fmla="*/ 164 h 2371"/>
                <a:gd name="T16" fmla="*/ 1163 w 1979"/>
                <a:gd name="T17" fmla="*/ 96 h 2371"/>
                <a:gd name="T18" fmla="*/ 1108 w 1979"/>
                <a:gd name="T19" fmla="*/ 42 h 2371"/>
                <a:gd name="T20" fmla="*/ 1030 w 1979"/>
                <a:gd name="T21" fmla="*/ 7 h 2371"/>
                <a:gd name="T22" fmla="*/ 963 w 1979"/>
                <a:gd name="T23" fmla="*/ 0 h 2371"/>
                <a:gd name="T24" fmla="*/ 873 w 1979"/>
                <a:gd name="T25" fmla="*/ 13 h 2371"/>
                <a:gd name="T26" fmla="*/ 800 w 1979"/>
                <a:gd name="T27" fmla="*/ 54 h 2371"/>
                <a:gd name="T28" fmla="*/ 750 w 1979"/>
                <a:gd name="T29" fmla="*/ 112 h 2371"/>
                <a:gd name="T30" fmla="*/ 732 w 1979"/>
                <a:gd name="T31" fmla="*/ 184 h 2371"/>
                <a:gd name="T32" fmla="*/ 740 w 1979"/>
                <a:gd name="T33" fmla="*/ 229 h 2371"/>
                <a:gd name="T34" fmla="*/ 765 w 1979"/>
                <a:gd name="T35" fmla="*/ 274 h 2371"/>
                <a:gd name="T36" fmla="*/ 813 w 1979"/>
                <a:gd name="T37" fmla="*/ 312 h 2371"/>
                <a:gd name="T38" fmla="*/ 837 w 1979"/>
                <a:gd name="T39" fmla="*/ 329 h 2371"/>
                <a:gd name="T40" fmla="*/ 852 w 1979"/>
                <a:gd name="T41" fmla="*/ 351 h 2371"/>
                <a:gd name="T42" fmla="*/ 850 w 1979"/>
                <a:gd name="T43" fmla="*/ 374 h 2371"/>
                <a:gd name="T44" fmla="*/ 831 w 1979"/>
                <a:gd name="T45" fmla="*/ 389 h 2371"/>
                <a:gd name="T46" fmla="*/ 0 w 1979"/>
                <a:gd name="T47" fmla="*/ 1233 h 2371"/>
                <a:gd name="T48" fmla="*/ 33 w 1979"/>
                <a:gd name="T49" fmla="*/ 1244 h 2371"/>
                <a:gd name="T50" fmla="*/ 70 w 1979"/>
                <a:gd name="T51" fmla="*/ 1205 h 2371"/>
                <a:gd name="T52" fmla="*/ 102 w 1979"/>
                <a:gd name="T53" fmla="*/ 1165 h 2371"/>
                <a:gd name="T54" fmla="*/ 142 w 1979"/>
                <a:gd name="T55" fmla="*/ 1138 h 2371"/>
                <a:gd name="T56" fmla="*/ 200 w 1979"/>
                <a:gd name="T57" fmla="*/ 1124 h 2371"/>
                <a:gd name="T58" fmla="*/ 254 w 1979"/>
                <a:gd name="T59" fmla="*/ 1135 h 2371"/>
                <a:gd name="T60" fmla="*/ 317 w 1979"/>
                <a:gd name="T61" fmla="*/ 1176 h 2371"/>
                <a:gd name="T62" fmla="*/ 362 w 1979"/>
                <a:gd name="T63" fmla="*/ 1245 h 2371"/>
                <a:gd name="T64" fmla="*/ 383 w 1979"/>
                <a:gd name="T65" fmla="*/ 1330 h 2371"/>
                <a:gd name="T66" fmla="*/ 380 w 1979"/>
                <a:gd name="T67" fmla="*/ 1401 h 2371"/>
                <a:gd name="T68" fmla="*/ 353 w 1979"/>
                <a:gd name="T69" fmla="*/ 1483 h 2371"/>
                <a:gd name="T70" fmla="*/ 303 w 1979"/>
                <a:gd name="T71" fmla="*/ 1544 h 2371"/>
                <a:gd name="T72" fmla="*/ 238 w 1979"/>
                <a:gd name="T73" fmla="*/ 1579 h 2371"/>
                <a:gd name="T74" fmla="*/ 184 w 1979"/>
                <a:gd name="T75" fmla="*/ 1583 h 2371"/>
                <a:gd name="T76" fmla="*/ 130 w 1979"/>
                <a:gd name="T77" fmla="*/ 1565 h 2371"/>
                <a:gd name="T78" fmla="*/ 88 w 1979"/>
                <a:gd name="T79" fmla="*/ 1528 h 2371"/>
                <a:gd name="T80" fmla="*/ 63 w 1979"/>
                <a:gd name="T81" fmla="*/ 1489 h 2371"/>
                <a:gd name="T82" fmla="*/ 24 w 1979"/>
                <a:gd name="T83" fmla="*/ 1462 h 2371"/>
                <a:gd name="T84" fmla="*/ 0 w 1979"/>
                <a:gd name="T85" fmla="*/ 2371 h 2371"/>
                <a:gd name="T86" fmla="*/ 853 w 1979"/>
                <a:gd name="T87" fmla="*/ 2356 h 2371"/>
                <a:gd name="T88" fmla="*/ 836 w 1979"/>
                <a:gd name="T89" fmla="*/ 2322 h 2371"/>
                <a:gd name="T90" fmla="*/ 800 w 1979"/>
                <a:gd name="T91" fmla="*/ 2298 h 2371"/>
                <a:gd name="T92" fmla="*/ 758 w 1979"/>
                <a:gd name="T93" fmla="*/ 2257 h 2371"/>
                <a:gd name="T94" fmla="*/ 735 w 1979"/>
                <a:gd name="T95" fmla="*/ 2208 h 2371"/>
                <a:gd name="T96" fmla="*/ 734 w 1979"/>
                <a:gd name="T97" fmla="*/ 2157 h 2371"/>
                <a:gd name="T98" fmla="*/ 759 w 1979"/>
                <a:gd name="T99" fmla="*/ 2088 h 2371"/>
                <a:gd name="T100" fmla="*/ 816 w 1979"/>
                <a:gd name="T101" fmla="*/ 2035 h 2371"/>
                <a:gd name="T102" fmla="*/ 894 w 1979"/>
                <a:gd name="T103" fmla="*/ 2000 h 2371"/>
                <a:gd name="T104" fmla="*/ 961 w 1979"/>
                <a:gd name="T105" fmla="*/ 1993 h 2371"/>
                <a:gd name="T106" fmla="*/ 1051 w 1979"/>
                <a:gd name="T107" fmla="*/ 2006 h 2371"/>
                <a:gd name="T108" fmla="*/ 1124 w 1979"/>
                <a:gd name="T109" fmla="*/ 2046 h 2371"/>
                <a:gd name="T110" fmla="*/ 1173 w 1979"/>
                <a:gd name="T111" fmla="*/ 2105 h 2371"/>
                <a:gd name="T112" fmla="*/ 1191 w 1979"/>
                <a:gd name="T113" fmla="*/ 2177 h 2371"/>
                <a:gd name="T114" fmla="*/ 1184 w 1979"/>
                <a:gd name="T115" fmla="*/ 2221 h 2371"/>
                <a:gd name="T116" fmla="*/ 1158 w 1979"/>
                <a:gd name="T117" fmla="*/ 2266 h 2371"/>
                <a:gd name="T118" fmla="*/ 1111 w 1979"/>
                <a:gd name="T119" fmla="*/ 2305 h 2371"/>
                <a:gd name="T120" fmla="*/ 1079 w 1979"/>
                <a:gd name="T121" fmla="*/ 2329 h 2371"/>
                <a:gd name="T122" fmla="*/ 1072 w 1979"/>
                <a:gd name="T123" fmla="*/ 2363 h 2371"/>
                <a:gd name="T124" fmla="*/ 1100 w 1979"/>
                <a:gd name="T125" fmla="*/ 392 h 2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979" h="2371">
                  <a:moveTo>
                    <a:pt x="1100" y="392"/>
                  </a:moveTo>
                  <a:lnTo>
                    <a:pt x="1100" y="392"/>
                  </a:lnTo>
                  <a:lnTo>
                    <a:pt x="1093" y="389"/>
                  </a:lnTo>
                  <a:lnTo>
                    <a:pt x="1085" y="386"/>
                  </a:lnTo>
                  <a:lnTo>
                    <a:pt x="1081" y="383"/>
                  </a:lnTo>
                  <a:lnTo>
                    <a:pt x="1076" y="378"/>
                  </a:lnTo>
                  <a:lnTo>
                    <a:pt x="1073" y="374"/>
                  </a:lnTo>
                  <a:lnTo>
                    <a:pt x="1070" y="368"/>
                  </a:lnTo>
                  <a:lnTo>
                    <a:pt x="1070" y="363"/>
                  </a:lnTo>
                  <a:lnTo>
                    <a:pt x="1070" y="357"/>
                  </a:lnTo>
                  <a:lnTo>
                    <a:pt x="1072" y="351"/>
                  </a:lnTo>
                  <a:lnTo>
                    <a:pt x="1073" y="345"/>
                  </a:lnTo>
                  <a:lnTo>
                    <a:pt x="1078" y="339"/>
                  </a:lnTo>
                  <a:lnTo>
                    <a:pt x="1082" y="333"/>
                  </a:lnTo>
                  <a:lnTo>
                    <a:pt x="1087" y="329"/>
                  </a:lnTo>
                  <a:lnTo>
                    <a:pt x="1094" y="323"/>
                  </a:lnTo>
                  <a:lnTo>
                    <a:pt x="1102" y="317"/>
                  </a:lnTo>
                  <a:lnTo>
                    <a:pt x="1111" y="312"/>
                  </a:lnTo>
                  <a:lnTo>
                    <a:pt x="1111" y="312"/>
                  </a:lnTo>
                  <a:lnTo>
                    <a:pt x="1124" y="305"/>
                  </a:lnTo>
                  <a:lnTo>
                    <a:pt x="1136" y="296"/>
                  </a:lnTo>
                  <a:lnTo>
                    <a:pt x="1151" y="283"/>
                  </a:lnTo>
                  <a:lnTo>
                    <a:pt x="1158" y="274"/>
                  </a:lnTo>
                  <a:lnTo>
                    <a:pt x="1166" y="265"/>
                  </a:lnTo>
                  <a:lnTo>
                    <a:pt x="1173" y="254"/>
                  </a:lnTo>
                  <a:lnTo>
                    <a:pt x="1179" y="242"/>
                  </a:lnTo>
                  <a:lnTo>
                    <a:pt x="1184" y="229"/>
                  </a:lnTo>
                  <a:lnTo>
                    <a:pt x="1188" y="215"/>
                  </a:lnTo>
                  <a:lnTo>
                    <a:pt x="1190" y="200"/>
                  </a:lnTo>
                  <a:lnTo>
                    <a:pt x="1191" y="184"/>
                  </a:lnTo>
                  <a:lnTo>
                    <a:pt x="1191" y="184"/>
                  </a:lnTo>
                  <a:lnTo>
                    <a:pt x="1190" y="164"/>
                  </a:lnTo>
                  <a:lnTo>
                    <a:pt x="1187" y="147"/>
                  </a:lnTo>
                  <a:lnTo>
                    <a:pt x="1181" y="129"/>
                  </a:lnTo>
                  <a:lnTo>
                    <a:pt x="1173" y="112"/>
                  </a:lnTo>
                  <a:lnTo>
                    <a:pt x="1163" y="96"/>
                  </a:lnTo>
                  <a:lnTo>
                    <a:pt x="1152" y="81"/>
                  </a:lnTo>
                  <a:lnTo>
                    <a:pt x="1139" y="66"/>
                  </a:lnTo>
                  <a:lnTo>
                    <a:pt x="1124" y="54"/>
                  </a:lnTo>
                  <a:lnTo>
                    <a:pt x="1108" y="42"/>
                  </a:lnTo>
                  <a:lnTo>
                    <a:pt x="1090" y="31"/>
                  </a:lnTo>
                  <a:lnTo>
                    <a:pt x="1072" y="21"/>
                  </a:lnTo>
                  <a:lnTo>
                    <a:pt x="1051" y="13"/>
                  </a:lnTo>
                  <a:lnTo>
                    <a:pt x="1030" y="7"/>
                  </a:lnTo>
                  <a:lnTo>
                    <a:pt x="1007" y="3"/>
                  </a:lnTo>
                  <a:lnTo>
                    <a:pt x="985" y="0"/>
                  </a:lnTo>
                  <a:lnTo>
                    <a:pt x="963" y="0"/>
                  </a:lnTo>
                  <a:lnTo>
                    <a:pt x="963" y="0"/>
                  </a:lnTo>
                  <a:lnTo>
                    <a:pt x="939" y="0"/>
                  </a:lnTo>
                  <a:lnTo>
                    <a:pt x="916" y="3"/>
                  </a:lnTo>
                  <a:lnTo>
                    <a:pt x="894" y="7"/>
                  </a:lnTo>
                  <a:lnTo>
                    <a:pt x="873" y="13"/>
                  </a:lnTo>
                  <a:lnTo>
                    <a:pt x="852" y="21"/>
                  </a:lnTo>
                  <a:lnTo>
                    <a:pt x="834" y="31"/>
                  </a:lnTo>
                  <a:lnTo>
                    <a:pt x="816" y="42"/>
                  </a:lnTo>
                  <a:lnTo>
                    <a:pt x="800" y="54"/>
                  </a:lnTo>
                  <a:lnTo>
                    <a:pt x="785" y="66"/>
                  </a:lnTo>
                  <a:lnTo>
                    <a:pt x="771" y="81"/>
                  </a:lnTo>
                  <a:lnTo>
                    <a:pt x="761" y="96"/>
                  </a:lnTo>
                  <a:lnTo>
                    <a:pt x="750" y="112"/>
                  </a:lnTo>
                  <a:lnTo>
                    <a:pt x="743" y="129"/>
                  </a:lnTo>
                  <a:lnTo>
                    <a:pt x="737" y="147"/>
                  </a:lnTo>
                  <a:lnTo>
                    <a:pt x="734" y="164"/>
                  </a:lnTo>
                  <a:lnTo>
                    <a:pt x="732" y="184"/>
                  </a:lnTo>
                  <a:lnTo>
                    <a:pt x="732" y="184"/>
                  </a:lnTo>
                  <a:lnTo>
                    <a:pt x="734" y="200"/>
                  </a:lnTo>
                  <a:lnTo>
                    <a:pt x="735" y="215"/>
                  </a:lnTo>
                  <a:lnTo>
                    <a:pt x="740" y="229"/>
                  </a:lnTo>
                  <a:lnTo>
                    <a:pt x="744" y="242"/>
                  </a:lnTo>
                  <a:lnTo>
                    <a:pt x="752" y="254"/>
                  </a:lnTo>
                  <a:lnTo>
                    <a:pt x="758" y="265"/>
                  </a:lnTo>
                  <a:lnTo>
                    <a:pt x="765" y="274"/>
                  </a:lnTo>
                  <a:lnTo>
                    <a:pt x="773" y="283"/>
                  </a:lnTo>
                  <a:lnTo>
                    <a:pt x="788" y="296"/>
                  </a:lnTo>
                  <a:lnTo>
                    <a:pt x="800" y="305"/>
                  </a:lnTo>
                  <a:lnTo>
                    <a:pt x="813" y="312"/>
                  </a:lnTo>
                  <a:lnTo>
                    <a:pt x="813" y="312"/>
                  </a:lnTo>
                  <a:lnTo>
                    <a:pt x="822" y="317"/>
                  </a:lnTo>
                  <a:lnTo>
                    <a:pt x="830" y="323"/>
                  </a:lnTo>
                  <a:lnTo>
                    <a:pt x="837" y="329"/>
                  </a:lnTo>
                  <a:lnTo>
                    <a:pt x="843" y="333"/>
                  </a:lnTo>
                  <a:lnTo>
                    <a:pt x="847" y="339"/>
                  </a:lnTo>
                  <a:lnTo>
                    <a:pt x="850" y="345"/>
                  </a:lnTo>
                  <a:lnTo>
                    <a:pt x="852" y="351"/>
                  </a:lnTo>
                  <a:lnTo>
                    <a:pt x="853" y="357"/>
                  </a:lnTo>
                  <a:lnTo>
                    <a:pt x="853" y="363"/>
                  </a:lnTo>
                  <a:lnTo>
                    <a:pt x="853" y="368"/>
                  </a:lnTo>
                  <a:lnTo>
                    <a:pt x="850" y="374"/>
                  </a:lnTo>
                  <a:lnTo>
                    <a:pt x="847" y="378"/>
                  </a:lnTo>
                  <a:lnTo>
                    <a:pt x="843" y="383"/>
                  </a:lnTo>
                  <a:lnTo>
                    <a:pt x="839" y="386"/>
                  </a:lnTo>
                  <a:lnTo>
                    <a:pt x="831" y="389"/>
                  </a:lnTo>
                  <a:lnTo>
                    <a:pt x="824" y="392"/>
                  </a:lnTo>
                  <a:lnTo>
                    <a:pt x="0" y="392"/>
                  </a:lnTo>
                  <a:lnTo>
                    <a:pt x="0" y="1233"/>
                  </a:lnTo>
                  <a:lnTo>
                    <a:pt x="0" y="1233"/>
                  </a:lnTo>
                  <a:lnTo>
                    <a:pt x="6" y="1241"/>
                  </a:lnTo>
                  <a:lnTo>
                    <a:pt x="15" y="1245"/>
                  </a:lnTo>
                  <a:lnTo>
                    <a:pt x="24" y="1245"/>
                  </a:lnTo>
                  <a:lnTo>
                    <a:pt x="33" y="1244"/>
                  </a:lnTo>
                  <a:lnTo>
                    <a:pt x="43" y="1239"/>
                  </a:lnTo>
                  <a:lnTo>
                    <a:pt x="54" y="1230"/>
                  </a:lnTo>
                  <a:lnTo>
                    <a:pt x="63" y="1220"/>
                  </a:lnTo>
                  <a:lnTo>
                    <a:pt x="70" y="1205"/>
                  </a:lnTo>
                  <a:lnTo>
                    <a:pt x="70" y="1205"/>
                  </a:lnTo>
                  <a:lnTo>
                    <a:pt x="78" y="1193"/>
                  </a:lnTo>
                  <a:lnTo>
                    <a:pt x="88" y="1179"/>
                  </a:lnTo>
                  <a:lnTo>
                    <a:pt x="102" y="1165"/>
                  </a:lnTo>
                  <a:lnTo>
                    <a:pt x="109" y="1157"/>
                  </a:lnTo>
                  <a:lnTo>
                    <a:pt x="120" y="1150"/>
                  </a:lnTo>
                  <a:lnTo>
                    <a:pt x="130" y="1144"/>
                  </a:lnTo>
                  <a:lnTo>
                    <a:pt x="142" y="1138"/>
                  </a:lnTo>
                  <a:lnTo>
                    <a:pt x="154" y="1132"/>
                  </a:lnTo>
                  <a:lnTo>
                    <a:pt x="169" y="1129"/>
                  </a:lnTo>
                  <a:lnTo>
                    <a:pt x="184" y="1126"/>
                  </a:lnTo>
                  <a:lnTo>
                    <a:pt x="200" y="1124"/>
                  </a:lnTo>
                  <a:lnTo>
                    <a:pt x="200" y="1124"/>
                  </a:lnTo>
                  <a:lnTo>
                    <a:pt x="218" y="1126"/>
                  </a:lnTo>
                  <a:lnTo>
                    <a:pt x="238" y="1129"/>
                  </a:lnTo>
                  <a:lnTo>
                    <a:pt x="254" y="1135"/>
                  </a:lnTo>
                  <a:lnTo>
                    <a:pt x="272" y="1142"/>
                  </a:lnTo>
                  <a:lnTo>
                    <a:pt x="287" y="1153"/>
                  </a:lnTo>
                  <a:lnTo>
                    <a:pt x="303" y="1163"/>
                  </a:lnTo>
                  <a:lnTo>
                    <a:pt x="317" y="1176"/>
                  </a:lnTo>
                  <a:lnTo>
                    <a:pt x="330" y="1191"/>
                  </a:lnTo>
                  <a:lnTo>
                    <a:pt x="342" y="1208"/>
                  </a:lnTo>
                  <a:lnTo>
                    <a:pt x="353" y="1226"/>
                  </a:lnTo>
                  <a:lnTo>
                    <a:pt x="362" y="1245"/>
                  </a:lnTo>
                  <a:lnTo>
                    <a:pt x="369" y="1265"/>
                  </a:lnTo>
                  <a:lnTo>
                    <a:pt x="375" y="1286"/>
                  </a:lnTo>
                  <a:lnTo>
                    <a:pt x="380" y="1308"/>
                  </a:lnTo>
                  <a:lnTo>
                    <a:pt x="383" y="1330"/>
                  </a:lnTo>
                  <a:lnTo>
                    <a:pt x="384" y="1354"/>
                  </a:lnTo>
                  <a:lnTo>
                    <a:pt x="384" y="1354"/>
                  </a:lnTo>
                  <a:lnTo>
                    <a:pt x="383" y="1377"/>
                  </a:lnTo>
                  <a:lnTo>
                    <a:pt x="380" y="1401"/>
                  </a:lnTo>
                  <a:lnTo>
                    <a:pt x="375" y="1422"/>
                  </a:lnTo>
                  <a:lnTo>
                    <a:pt x="369" y="1443"/>
                  </a:lnTo>
                  <a:lnTo>
                    <a:pt x="362" y="1463"/>
                  </a:lnTo>
                  <a:lnTo>
                    <a:pt x="353" y="1483"/>
                  </a:lnTo>
                  <a:lnTo>
                    <a:pt x="342" y="1499"/>
                  </a:lnTo>
                  <a:lnTo>
                    <a:pt x="330" y="1516"/>
                  </a:lnTo>
                  <a:lnTo>
                    <a:pt x="317" y="1531"/>
                  </a:lnTo>
                  <a:lnTo>
                    <a:pt x="303" y="1544"/>
                  </a:lnTo>
                  <a:lnTo>
                    <a:pt x="287" y="1556"/>
                  </a:lnTo>
                  <a:lnTo>
                    <a:pt x="272" y="1565"/>
                  </a:lnTo>
                  <a:lnTo>
                    <a:pt x="254" y="1573"/>
                  </a:lnTo>
                  <a:lnTo>
                    <a:pt x="238" y="1579"/>
                  </a:lnTo>
                  <a:lnTo>
                    <a:pt x="218" y="1582"/>
                  </a:lnTo>
                  <a:lnTo>
                    <a:pt x="200" y="1583"/>
                  </a:lnTo>
                  <a:lnTo>
                    <a:pt x="200" y="1583"/>
                  </a:lnTo>
                  <a:lnTo>
                    <a:pt x="184" y="1583"/>
                  </a:lnTo>
                  <a:lnTo>
                    <a:pt x="169" y="1580"/>
                  </a:lnTo>
                  <a:lnTo>
                    <a:pt x="154" y="1576"/>
                  </a:lnTo>
                  <a:lnTo>
                    <a:pt x="142" y="1571"/>
                  </a:lnTo>
                  <a:lnTo>
                    <a:pt x="130" y="1565"/>
                  </a:lnTo>
                  <a:lnTo>
                    <a:pt x="120" y="1558"/>
                  </a:lnTo>
                  <a:lnTo>
                    <a:pt x="109" y="1550"/>
                  </a:lnTo>
                  <a:lnTo>
                    <a:pt x="102" y="1543"/>
                  </a:lnTo>
                  <a:lnTo>
                    <a:pt x="88" y="1528"/>
                  </a:lnTo>
                  <a:lnTo>
                    <a:pt x="78" y="1516"/>
                  </a:lnTo>
                  <a:lnTo>
                    <a:pt x="70" y="1502"/>
                  </a:lnTo>
                  <a:lnTo>
                    <a:pt x="70" y="1502"/>
                  </a:lnTo>
                  <a:lnTo>
                    <a:pt x="63" y="1489"/>
                  </a:lnTo>
                  <a:lnTo>
                    <a:pt x="54" y="1477"/>
                  </a:lnTo>
                  <a:lnTo>
                    <a:pt x="43" y="1469"/>
                  </a:lnTo>
                  <a:lnTo>
                    <a:pt x="33" y="1463"/>
                  </a:lnTo>
                  <a:lnTo>
                    <a:pt x="24" y="1462"/>
                  </a:lnTo>
                  <a:lnTo>
                    <a:pt x="15" y="1463"/>
                  </a:lnTo>
                  <a:lnTo>
                    <a:pt x="6" y="1468"/>
                  </a:lnTo>
                  <a:lnTo>
                    <a:pt x="0" y="1474"/>
                  </a:lnTo>
                  <a:lnTo>
                    <a:pt x="0" y="2371"/>
                  </a:lnTo>
                  <a:lnTo>
                    <a:pt x="847" y="2371"/>
                  </a:lnTo>
                  <a:lnTo>
                    <a:pt x="847" y="2371"/>
                  </a:lnTo>
                  <a:lnTo>
                    <a:pt x="852" y="2363"/>
                  </a:lnTo>
                  <a:lnTo>
                    <a:pt x="853" y="2356"/>
                  </a:lnTo>
                  <a:lnTo>
                    <a:pt x="853" y="2347"/>
                  </a:lnTo>
                  <a:lnTo>
                    <a:pt x="850" y="2338"/>
                  </a:lnTo>
                  <a:lnTo>
                    <a:pt x="844" y="2329"/>
                  </a:lnTo>
                  <a:lnTo>
                    <a:pt x="836" y="2322"/>
                  </a:lnTo>
                  <a:lnTo>
                    <a:pt x="825" y="2313"/>
                  </a:lnTo>
                  <a:lnTo>
                    <a:pt x="813" y="2305"/>
                  </a:lnTo>
                  <a:lnTo>
                    <a:pt x="813" y="2305"/>
                  </a:lnTo>
                  <a:lnTo>
                    <a:pt x="800" y="2298"/>
                  </a:lnTo>
                  <a:lnTo>
                    <a:pt x="788" y="2289"/>
                  </a:lnTo>
                  <a:lnTo>
                    <a:pt x="773" y="2275"/>
                  </a:lnTo>
                  <a:lnTo>
                    <a:pt x="765" y="2266"/>
                  </a:lnTo>
                  <a:lnTo>
                    <a:pt x="758" y="2257"/>
                  </a:lnTo>
                  <a:lnTo>
                    <a:pt x="750" y="2247"/>
                  </a:lnTo>
                  <a:lnTo>
                    <a:pt x="744" y="2235"/>
                  </a:lnTo>
                  <a:lnTo>
                    <a:pt x="740" y="2221"/>
                  </a:lnTo>
                  <a:lnTo>
                    <a:pt x="735" y="2208"/>
                  </a:lnTo>
                  <a:lnTo>
                    <a:pt x="732" y="2193"/>
                  </a:lnTo>
                  <a:lnTo>
                    <a:pt x="732" y="2177"/>
                  </a:lnTo>
                  <a:lnTo>
                    <a:pt x="732" y="2177"/>
                  </a:lnTo>
                  <a:lnTo>
                    <a:pt x="734" y="2157"/>
                  </a:lnTo>
                  <a:lnTo>
                    <a:pt x="737" y="2139"/>
                  </a:lnTo>
                  <a:lnTo>
                    <a:pt x="743" y="2121"/>
                  </a:lnTo>
                  <a:lnTo>
                    <a:pt x="750" y="2105"/>
                  </a:lnTo>
                  <a:lnTo>
                    <a:pt x="759" y="2088"/>
                  </a:lnTo>
                  <a:lnTo>
                    <a:pt x="771" y="2073"/>
                  </a:lnTo>
                  <a:lnTo>
                    <a:pt x="785" y="2060"/>
                  </a:lnTo>
                  <a:lnTo>
                    <a:pt x="800" y="2046"/>
                  </a:lnTo>
                  <a:lnTo>
                    <a:pt x="816" y="2035"/>
                  </a:lnTo>
                  <a:lnTo>
                    <a:pt x="833" y="2024"/>
                  </a:lnTo>
                  <a:lnTo>
                    <a:pt x="852" y="2015"/>
                  </a:lnTo>
                  <a:lnTo>
                    <a:pt x="873" y="2006"/>
                  </a:lnTo>
                  <a:lnTo>
                    <a:pt x="894" y="2000"/>
                  </a:lnTo>
                  <a:lnTo>
                    <a:pt x="915" y="1996"/>
                  </a:lnTo>
                  <a:lnTo>
                    <a:pt x="939" y="1993"/>
                  </a:lnTo>
                  <a:lnTo>
                    <a:pt x="961" y="1993"/>
                  </a:lnTo>
                  <a:lnTo>
                    <a:pt x="961" y="1993"/>
                  </a:lnTo>
                  <a:lnTo>
                    <a:pt x="985" y="1993"/>
                  </a:lnTo>
                  <a:lnTo>
                    <a:pt x="1007" y="1996"/>
                  </a:lnTo>
                  <a:lnTo>
                    <a:pt x="1030" y="2000"/>
                  </a:lnTo>
                  <a:lnTo>
                    <a:pt x="1051" y="2006"/>
                  </a:lnTo>
                  <a:lnTo>
                    <a:pt x="1070" y="2015"/>
                  </a:lnTo>
                  <a:lnTo>
                    <a:pt x="1090" y="2024"/>
                  </a:lnTo>
                  <a:lnTo>
                    <a:pt x="1108" y="2035"/>
                  </a:lnTo>
                  <a:lnTo>
                    <a:pt x="1124" y="2046"/>
                  </a:lnTo>
                  <a:lnTo>
                    <a:pt x="1139" y="2060"/>
                  </a:lnTo>
                  <a:lnTo>
                    <a:pt x="1152" y="2073"/>
                  </a:lnTo>
                  <a:lnTo>
                    <a:pt x="1163" y="2088"/>
                  </a:lnTo>
                  <a:lnTo>
                    <a:pt x="1173" y="2105"/>
                  </a:lnTo>
                  <a:lnTo>
                    <a:pt x="1181" y="2121"/>
                  </a:lnTo>
                  <a:lnTo>
                    <a:pt x="1187" y="2139"/>
                  </a:lnTo>
                  <a:lnTo>
                    <a:pt x="1190" y="2157"/>
                  </a:lnTo>
                  <a:lnTo>
                    <a:pt x="1191" y="2177"/>
                  </a:lnTo>
                  <a:lnTo>
                    <a:pt x="1191" y="2177"/>
                  </a:lnTo>
                  <a:lnTo>
                    <a:pt x="1190" y="2193"/>
                  </a:lnTo>
                  <a:lnTo>
                    <a:pt x="1187" y="2208"/>
                  </a:lnTo>
                  <a:lnTo>
                    <a:pt x="1184" y="2221"/>
                  </a:lnTo>
                  <a:lnTo>
                    <a:pt x="1178" y="2235"/>
                  </a:lnTo>
                  <a:lnTo>
                    <a:pt x="1172" y="2247"/>
                  </a:lnTo>
                  <a:lnTo>
                    <a:pt x="1166" y="2257"/>
                  </a:lnTo>
                  <a:lnTo>
                    <a:pt x="1158" y="2266"/>
                  </a:lnTo>
                  <a:lnTo>
                    <a:pt x="1151" y="2275"/>
                  </a:lnTo>
                  <a:lnTo>
                    <a:pt x="1136" y="2289"/>
                  </a:lnTo>
                  <a:lnTo>
                    <a:pt x="1123" y="2298"/>
                  </a:lnTo>
                  <a:lnTo>
                    <a:pt x="1111" y="2305"/>
                  </a:lnTo>
                  <a:lnTo>
                    <a:pt x="1111" y="2305"/>
                  </a:lnTo>
                  <a:lnTo>
                    <a:pt x="1097" y="2313"/>
                  </a:lnTo>
                  <a:lnTo>
                    <a:pt x="1087" y="2322"/>
                  </a:lnTo>
                  <a:lnTo>
                    <a:pt x="1079" y="2329"/>
                  </a:lnTo>
                  <a:lnTo>
                    <a:pt x="1073" y="2338"/>
                  </a:lnTo>
                  <a:lnTo>
                    <a:pt x="1070" y="2347"/>
                  </a:lnTo>
                  <a:lnTo>
                    <a:pt x="1070" y="2356"/>
                  </a:lnTo>
                  <a:lnTo>
                    <a:pt x="1072" y="2363"/>
                  </a:lnTo>
                  <a:lnTo>
                    <a:pt x="1076" y="2371"/>
                  </a:lnTo>
                  <a:lnTo>
                    <a:pt x="1979" y="2371"/>
                  </a:lnTo>
                  <a:lnTo>
                    <a:pt x="1979" y="392"/>
                  </a:lnTo>
                  <a:lnTo>
                    <a:pt x="1100" y="392"/>
                  </a:lnTo>
                  <a:close/>
                </a:path>
              </a:pathLst>
            </a:custGeom>
            <a:solidFill>
              <a:srgbClr val="BADCA2"/>
            </a:solidFill>
            <a:ln w="28575">
              <a:solidFill>
                <a:schemeClr val="bg1">
                  <a:lumMod val="50000"/>
                </a:schemeClr>
              </a:solidFill>
              <a:prstDash val="solid"/>
              <a:round/>
              <a:headEnd/>
              <a:tailEnd/>
            </a:ln>
          </p:spPr>
          <p:txBody>
            <a:bodyPr lIns="288000" tIns="288000" anchor="ctr"/>
            <a:lstStyle/>
            <a:p>
              <a:pPr algn="ctr" eaLnBrk="1" hangingPunct="1">
                <a:defRPr/>
              </a:pPr>
              <a:r>
                <a:rPr lang="en-US" dirty="0">
                  <a:cs typeface="Arial" charset="0"/>
                </a:rPr>
                <a:t>Use of </a:t>
              </a:r>
            </a:p>
            <a:p>
              <a:pPr algn="ctr" eaLnBrk="1" hangingPunct="1">
                <a:defRPr/>
              </a:pPr>
              <a:r>
                <a:rPr lang="en-US" dirty="0">
                  <a:cs typeface="Arial" charset="0"/>
                </a:rPr>
                <a:t>Clinical </a:t>
              </a:r>
            </a:p>
            <a:p>
              <a:pPr algn="ctr" eaLnBrk="1" hangingPunct="1">
                <a:defRPr/>
              </a:pPr>
              <a:r>
                <a:rPr lang="en-US" dirty="0">
                  <a:cs typeface="Arial" charset="0"/>
                </a:rPr>
                <a:t>Terminology</a:t>
              </a:r>
              <a:endParaRPr lang="en-GB" dirty="0">
                <a:cs typeface="Arial" charset="0"/>
              </a:endParaRPr>
            </a:p>
          </p:txBody>
        </p:sp>
        <p:sp>
          <p:nvSpPr>
            <p:cNvPr id="14" name="Freeform 7">
              <a:extLst>
                <a:ext uri="{FF2B5EF4-FFF2-40B4-BE49-F238E27FC236}">
                  <a16:creationId xmlns:a16="http://schemas.microsoft.com/office/drawing/2014/main" id="{154AB81E-B1AD-B742-91BD-34AF6BED0B38}"/>
                </a:ext>
              </a:extLst>
            </p:cNvPr>
            <p:cNvSpPr>
              <a:spLocks/>
            </p:cNvSpPr>
            <p:nvPr/>
          </p:nvSpPr>
          <p:spPr bwMode="auto">
            <a:xfrm>
              <a:off x="6419850"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bg1">
                <a:lumMod val="75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SIREN </a:t>
              </a:r>
            </a:p>
            <a:p>
              <a:pPr algn="ctr" eaLnBrk="1" hangingPunct="1">
                <a:defRPr/>
              </a:pPr>
              <a:r>
                <a:rPr lang="en-US" dirty="0">
                  <a:cs typeface="Arial" charset="0"/>
                </a:rPr>
                <a:t>Gravity</a:t>
              </a:r>
            </a:p>
            <a:p>
              <a:pPr algn="ctr" eaLnBrk="1" hangingPunct="1">
                <a:defRPr/>
              </a:pPr>
              <a:r>
                <a:rPr lang="en-US" dirty="0">
                  <a:cs typeface="Arial" charset="0"/>
                </a:rPr>
                <a:t>Project</a:t>
              </a:r>
              <a:endParaRPr lang="en-GB" dirty="0">
                <a:cs typeface="Arial" charset="0"/>
              </a:endParaRPr>
            </a:p>
          </p:txBody>
        </p:sp>
        <p:sp>
          <p:nvSpPr>
            <p:cNvPr id="15" name="Freeform 8">
              <a:extLst>
                <a:ext uri="{FF2B5EF4-FFF2-40B4-BE49-F238E27FC236}">
                  <a16:creationId xmlns:a16="http://schemas.microsoft.com/office/drawing/2014/main" id="{16472439-851E-0B48-A31F-FCACA0C701D9}"/>
                </a:ext>
              </a:extLst>
            </p:cNvPr>
            <p:cNvSpPr>
              <a:spLocks/>
            </p:cNvSpPr>
            <p:nvPr/>
          </p:nvSpPr>
          <p:spPr bwMode="auto">
            <a:xfrm>
              <a:off x="6096000" y="1656584"/>
              <a:ext cx="1885950" cy="1882775"/>
            </a:xfrm>
            <a:custGeom>
              <a:avLst/>
              <a:gdLst>
                <a:gd name="T0" fmla="*/ 2222 w 2377"/>
                <a:gd name="T1" fmla="*/ 795 h 2371"/>
                <a:gd name="T2" fmla="*/ 2275 w 2377"/>
                <a:gd name="T3" fmla="*/ 827 h 2371"/>
                <a:gd name="T4" fmla="*/ 2314 w 2377"/>
                <a:gd name="T5" fmla="*/ 882 h 2371"/>
                <a:gd name="T6" fmla="*/ 2362 w 2377"/>
                <a:gd name="T7" fmla="*/ 907 h 2371"/>
                <a:gd name="T8" fmla="*/ 395 w 2377"/>
                <a:gd name="T9" fmla="*/ 855 h 2371"/>
                <a:gd name="T10" fmla="*/ 386 w 2377"/>
                <a:gd name="T11" fmla="*/ 892 h 2371"/>
                <a:gd name="T12" fmla="*/ 358 w 2377"/>
                <a:gd name="T13" fmla="*/ 907 h 2371"/>
                <a:gd name="T14" fmla="*/ 325 w 2377"/>
                <a:gd name="T15" fmla="*/ 886 h 2371"/>
                <a:gd name="T16" fmla="*/ 296 w 2377"/>
                <a:gd name="T17" fmla="*/ 842 h 2371"/>
                <a:gd name="T18" fmla="*/ 242 w 2377"/>
                <a:gd name="T19" fmla="*/ 800 h 2371"/>
                <a:gd name="T20" fmla="*/ 184 w 2377"/>
                <a:gd name="T21" fmla="*/ 786 h 2371"/>
                <a:gd name="T22" fmla="*/ 96 w 2377"/>
                <a:gd name="T23" fmla="*/ 815 h 2371"/>
                <a:gd name="T24" fmla="*/ 32 w 2377"/>
                <a:gd name="T25" fmla="*/ 888 h 2371"/>
                <a:gd name="T26" fmla="*/ 0 w 2377"/>
                <a:gd name="T27" fmla="*/ 993 h 2371"/>
                <a:gd name="T28" fmla="*/ 8 w 2377"/>
                <a:gd name="T29" fmla="*/ 1084 h 2371"/>
                <a:gd name="T30" fmla="*/ 54 w 2377"/>
                <a:gd name="T31" fmla="*/ 1178 h 2371"/>
                <a:gd name="T32" fmla="*/ 129 w 2377"/>
                <a:gd name="T33" fmla="*/ 1235 h 2371"/>
                <a:gd name="T34" fmla="*/ 201 w 2377"/>
                <a:gd name="T35" fmla="*/ 1245 h 2371"/>
                <a:gd name="T36" fmla="*/ 265 w 2377"/>
                <a:gd name="T37" fmla="*/ 1220 h 2371"/>
                <a:gd name="T38" fmla="*/ 313 w 2377"/>
                <a:gd name="T39" fmla="*/ 1164 h 2371"/>
                <a:gd name="T40" fmla="*/ 338 w 2377"/>
                <a:gd name="T41" fmla="*/ 1133 h 2371"/>
                <a:gd name="T42" fmla="*/ 371 w 2377"/>
                <a:gd name="T43" fmla="*/ 1126 h 2371"/>
                <a:gd name="T44" fmla="*/ 392 w 2377"/>
                <a:gd name="T45" fmla="*/ 1155 h 2371"/>
                <a:gd name="T46" fmla="*/ 1256 w 2377"/>
                <a:gd name="T47" fmla="*/ 1976 h 2371"/>
                <a:gd name="T48" fmla="*/ 1298 w 2377"/>
                <a:gd name="T49" fmla="*/ 1990 h 2371"/>
                <a:gd name="T50" fmla="*/ 1305 w 2377"/>
                <a:gd name="T51" fmla="*/ 2020 h 2371"/>
                <a:gd name="T52" fmla="*/ 1275 w 2377"/>
                <a:gd name="T53" fmla="*/ 2052 h 2371"/>
                <a:gd name="T54" fmla="*/ 1225 w 2377"/>
                <a:gd name="T55" fmla="*/ 2088 h 2371"/>
                <a:gd name="T56" fmla="*/ 1193 w 2377"/>
                <a:gd name="T57" fmla="*/ 2141 h 2371"/>
                <a:gd name="T58" fmla="*/ 1186 w 2377"/>
                <a:gd name="T59" fmla="*/ 2206 h 2371"/>
                <a:gd name="T60" fmla="*/ 1225 w 2377"/>
                <a:gd name="T61" fmla="*/ 2290 h 2371"/>
                <a:gd name="T62" fmla="*/ 1305 w 2377"/>
                <a:gd name="T63" fmla="*/ 2348 h 2371"/>
                <a:gd name="T64" fmla="*/ 1414 w 2377"/>
                <a:gd name="T65" fmla="*/ 2371 h 2371"/>
                <a:gd name="T66" fmla="*/ 1504 w 2377"/>
                <a:gd name="T67" fmla="*/ 2357 h 2371"/>
                <a:gd name="T68" fmla="*/ 1591 w 2377"/>
                <a:gd name="T69" fmla="*/ 2304 h 2371"/>
                <a:gd name="T70" fmla="*/ 1639 w 2377"/>
                <a:gd name="T71" fmla="*/ 2224 h 2371"/>
                <a:gd name="T72" fmla="*/ 1640 w 2377"/>
                <a:gd name="T73" fmla="*/ 2156 h 2371"/>
                <a:gd name="T74" fmla="*/ 1612 w 2377"/>
                <a:gd name="T75" fmla="*/ 2097 h 2371"/>
                <a:gd name="T76" fmla="*/ 1564 w 2377"/>
                <a:gd name="T77" fmla="*/ 2057 h 2371"/>
                <a:gd name="T78" fmla="*/ 1526 w 2377"/>
                <a:gd name="T79" fmla="*/ 2026 h 2371"/>
                <a:gd name="T80" fmla="*/ 1526 w 2377"/>
                <a:gd name="T81" fmla="*/ 1994 h 2371"/>
                <a:gd name="T82" fmla="*/ 1564 w 2377"/>
                <a:gd name="T83" fmla="*/ 1976 h 2371"/>
                <a:gd name="T84" fmla="*/ 2370 w 2377"/>
                <a:gd name="T85" fmla="*/ 1130 h 2371"/>
                <a:gd name="T86" fmla="*/ 2323 w 2377"/>
                <a:gd name="T87" fmla="*/ 1139 h 2371"/>
                <a:gd name="T88" fmla="*/ 2289 w 2377"/>
                <a:gd name="T89" fmla="*/ 1191 h 2371"/>
                <a:gd name="T90" fmla="*/ 2235 w 2377"/>
                <a:gd name="T91" fmla="*/ 1233 h 2371"/>
                <a:gd name="T92" fmla="*/ 2177 w 2377"/>
                <a:gd name="T93" fmla="*/ 1245 h 2371"/>
                <a:gd name="T94" fmla="*/ 2089 w 2377"/>
                <a:gd name="T95" fmla="*/ 1218 h 2371"/>
                <a:gd name="T96" fmla="*/ 2024 w 2377"/>
                <a:gd name="T97" fmla="*/ 1145 h 2371"/>
                <a:gd name="T98" fmla="*/ 1993 w 2377"/>
                <a:gd name="T99" fmla="*/ 1040 h 2371"/>
                <a:gd name="T100" fmla="*/ 2000 w 2377"/>
                <a:gd name="T101" fmla="*/ 948 h 2371"/>
                <a:gd name="T102" fmla="*/ 2047 w 2377"/>
                <a:gd name="T103" fmla="*/ 855 h 2371"/>
                <a:gd name="T104" fmla="*/ 2121 w 2377"/>
                <a:gd name="T105" fmla="*/ 797 h 2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7" h="2371">
                  <a:moveTo>
                    <a:pt x="2177" y="788"/>
                  </a:moveTo>
                  <a:lnTo>
                    <a:pt x="2177" y="788"/>
                  </a:lnTo>
                  <a:lnTo>
                    <a:pt x="2193" y="788"/>
                  </a:lnTo>
                  <a:lnTo>
                    <a:pt x="2208" y="791"/>
                  </a:lnTo>
                  <a:lnTo>
                    <a:pt x="2222" y="795"/>
                  </a:lnTo>
                  <a:lnTo>
                    <a:pt x="2235" y="800"/>
                  </a:lnTo>
                  <a:lnTo>
                    <a:pt x="2247" y="806"/>
                  </a:lnTo>
                  <a:lnTo>
                    <a:pt x="2257" y="813"/>
                  </a:lnTo>
                  <a:lnTo>
                    <a:pt x="2266" y="819"/>
                  </a:lnTo>
                  <a:lnTo>
                    <a:pt x="2275" y="827"/>
                  </a:lnTo>
                  <a:lnTo>
                    <a:pt x="2289" y="842"/>
                  </a:lnTo>
                  <a:lnTo>
                    <a:pt x="2298" y="855"/>
                  </a:lnTo>
                  <a:lnTo>
                    <a:pt x="2305" y="867"/>
                  </a:lnTo>
                  <a:lnTo>
                    <a:pt x="2305" y="867"/>
                  </a:lnTo>
                  <a:lnTo>
                    <a:pt x="2314" y="882"/>
                  </a:lnTo>
                  <a:lnTo>
                    <a:pt x="2323" y="894"/>
                  </a:lnTo>
                  <a:lnTo>
                    <a:pt x="2334" y="901"/>
                  </a:lnTo>
                  <a:lnTo>
                    <a:pt x="2343" y="907"/>
                  </a:lnTo>
                  <a:lnTo>
                    <a:pt x="2353" y="909"/>
                  </a:lnTo>
                  <a:lnTo>
                    <a:pt x="2362" y="907"/>
                  </a:lnTo>
                  <a:lnTo>
                    <a:pt x="2370" y="903"/>
                  </a:lnTo>
                  <a:lnTo>
                    <a:pt x="2377" y="895"/>
                  </a:lnTo>
                  <a:lnTo>
                    <a:pt x="2377" y="0"/>
                  </a:lnTo>
                  <a:lnTo>
                    <a:pt x="395" y="0"/>
                  </a:lnTo>
                  <a:lnTo>
                    <a:pt x="395" y="855"/>
                  </a:lnTo>
                  <a:lnTo>
                    <a:pt x="395" y="855"/>
                  </a:lnTo>
                  <a:lnTo>
                    <a:pt x="393" y="867"/>
                  </a:lnTo>
                  <a:lnTo>
                    <a:pt x="392" y="877"/>
                  </a:lnTo>
                  <a:lnTo>
                    <a:pt x="389" y="886"/>
                  </a:lnTo>
                  <a:lnTo>
                    <a:pt x="386" y="892"/>
                  </a:lnTo>
                  <a:lnTo>
                    <a:pt x="382" y="898"/>
                  </a:lnTo>
                  <a:lnTo>
                    <a:pt x="377" y="903"/>
                  </a:lnTo>
                  <a:lnTo>
                    <a:pt x="371" y="906"/>
                  </a:lnTo>
                  <a:lnTo>
                    <a:pt x="365" y="907"/>
                  </a:lnTo>
                  <a:lnTo>
                    <a:pt x="358" y="907"/>
                  </a:lnTo>
                  <a:lnTo>
                    <a:pt x="352" y="907"/>
                  </a:lnTo>
                  <a:lnTo>
                    <a:pt x="344" y="904"/>
                  </a:lnTo>
                  <a:lnTo>
                    <a:pt x="338" y="900"/>
                  </a:lnTo>
                  <a:lnTo>
                    <a:pt x="331" y="894"/>
                  </a:lnTo>
                  <a:lnTo>
                    <a:pt x="325" y="886"/>
                  </a:lnTo>
                  <a:lnTo>
                    <a:pt x="319" y="877"/>
                  </a:lnTo>
                  <a:lnTo>
                    <a:pt x="313" y="867"/>
                  </a:lnTo>
                  <a:lnTo>
                    <a:pt x="313" y="867"/>
                  </a:lnTo>
                  <a:lnTo>
                    <a:pt x="305" y="855"/>
                  </a:lnTo>
                  <a:lnTo>
                    <a:pt x="296" y="842"/>
                  </a:lnTo>
                  <a:lnTo>
                    <a:pt x="283" y="827"/>
                  </a:lnTo>
                  <a:lnTo>
                    <a:pt x="274" y="819"/>
                  </a:lnTo>
                  <a:lnTo>
                    <a:pt x="265" y="812"/>
                  </a:lnTo>
                  <a:lnTo>
                    <a:pt x="254" y="806"/>
                  </a:lnTo>
                  <a:lnTo>
                    <a:pt x="242" y="800"/>
                  </a:lnTo>
                  <a:lnTo>
                    <a:pt x="229" y="794"/>
                  </a:lnTo>
                  <a:lnTo>
                    <a:pt x="216" y="791"/>
                  </a:lnTo>
                  <a:lnTo>
                    <a:pt x="201" y="788"/>
                  </a:lnTo>
                  <a:lnTo>
                    <a:pt x="184" y="786"/>
                  </a:lnTo>
                  <a:lnTo>
                    <a:pt x="184" y="786"/>
                  </a:lnTo>
                  <a:lnTo>
                    <a:pt x="165" y="788"/>
                  </a:lnTo>
                  <a:lnTo>
                    <a:pt x="147" y="791"/>
                  </a:lnTo>
                  <a:lnTo>
                    <a:pt x="129" y="797"/>
                  </a:lnTo>
                  <a:lnTo>
                    <a:pt x="112" y="804"/>
                  </a:lnTo>
                  <a:lnTo>
                    <a:pt x="96" y="815"/>
                  </a:lnTo>
                  <a:lnTo>
                    <a:pt x="81" y="825"/>
                  </a:lnTo>
                  <a:lnTo>
                    <a:pt x="66" y="839"/>
                  </a:lnTo>
                  <a:lnTo>
                    <a:pt x="54" y="854"/>
                  </a:lnTo>
                  <a:lnTo>
                    <a:pt x="42" y="870"/>
                  </a:lnTo>
                  <a:lnTo>
                    <a:pt x="32" y="888"/>
                  </a:lnTo>
                  <a:lnTo>
                    <a:pt x="21" y="907"/>
                  </a:lnTo>
                  <a:lnTo>
                    <a:pt x="14" y="927"/>
                  </a:lnTo>
                  <a:lnTo>
                    <a:pt x="8" y="948"/>
                  </a:lnTo>
                  <a:lnTo>
                    <a:pt x="3" y="970"/>
                  </a:lnTo>
                  <a:lnTo>
                    <a:pt x="0" y="993"/>
                  </a:lnTo>
                  <a:lnTo>
                    <a:pt x="0" y="1016"/>
                  </a:lnTo>
                  <a:lnTo>
                    <a:pt x="0" y="1016"/>
                  </a:lnTo>
                  <a:lnTo>
                    <a:pt x="0" y="1039"/>
                  </a:lnTo>
                  <a:lnTo>
                    <a:pt x="3" y="1063"/>
                  </a:lnTo>
                  <a:lnTo>
                    <a:pt x="8" y="1084"/>
                  </a:lnTo>
                  <a:lnTo>
                    <a:pt x="14" y="1105"/>
                  </a:lnTo>
                  <a:lnTo>
                    <a:pt x="21" y="1126"/>
                  </a:lnTo>
                  <a:lnTo>
                    <a:pt x="32" y="1145"/>
                  </a:lnTo>
                  <a:lnTo>
                    <a:pt x="42" y="1161"/>
                  </a:lnTo>
                  <a:lnTo>
                    <a:pt x="54" y="1178"/>
                  </a:lnTo>
                  <a:lnTo>
                    <a:pt x="66" y="1193"/>
                  </a:lnTo>
                  <a:lnTo>
                    <a:pt x="81" y="1206"/>
                  </a:lnTo>
                  <a:lnTo>
                    <a:pt x="96" y="1218"/>
                  </a:lnTo>
                  <a:lnTo>
                    <a:pt x="112" y="1227"/>
                  </a:lnTo>
                  <a:lnTo>
                    <a:pt x="129" y="1235"/>
                  </a:lnTo>
                  <a:lnTo>
                    <a:pt x="147" y="1241"/>
                  </a:lnTo>
                  <a:lnTo>
                    <a:pt x="165" y="1244"/>
                  </a:lnTo>
                  <a:lnTo>
                    <a:pt x="184" y="1245"/>
                  </a:lnTo>
                  <a:lnTo>
                    <a:pt x="184" y="1245"/>
                  </a:lnTo>
                  <a:lnTo>
                    <a:pt x="201" y="1245"/>
                  </a:lnTo>
                  <a:lnTo>
                    <a:pt x="216" y="1242"/>
                  </a:lnTo>
                  <a:lnTo>
                    <a:pt x="229" y="1238"/>
                  </a:lnTo>
                  <a:lnTo>
                    <a:pt x="242" y="1233"/>
                  </a:lnTo>
                  <a:lnTo>
                    <a:pt x="254" y="1227"/>
                  </a:lnTo>
                  <a:lnTo>
                    <a:pt x="265" y="1220"/>
                  </a:lnTo>
                  <a:lnTo>
                    <a:pt x="274" y="1212"/>
                  </a:lnTo>
                  <a:lnTo>
                    <a:pt x="283" y="1205"/>
                  </a:lnTo>
                  <a:lnTo>
                    <a:pt x="296" y="1190"/>
                  </a:lnTo>
                  <a:lnTo>
                    <a:pt x="305" y="1178"/>
                  </a:lnTo>
                  <a:lnTo>
                    <a:pt x="313" y="1164"/>
                  </a:lnTo>
                  <a:lnTo>
                    <a:pt x="313" y="1164"/>
                  </a:lnTo>
                  <a:lnTo>
                    <a:pt x="319" y="1155"/>
                  </a:lnTo>
                  <a:lnTo>
                    <a:pt x="325" y="1147"/>
                  </a:lnTo>
                  <a:lnTo>
                    <a:pt x="331" y="1139"/>
                  </a:lnTo>
                  <a:lnTo>
                    <a:pt x="338" y="1133"/>
                  </a:lnTo>
                  <a:lnTo>
                    <a:pt x="344" y="1129"/>
                  </a:lnTo>
                  <a:lnTo>
                    <a:pt x="352" y="1126"/>
                  </a:lnTo>
                  <a:lnTo>
                    <a:pt x="358" y="1124"/>
                  </a:lnTo>
                  <a:lnTo>
                    <a:pt x="365" y="1124"/>
                  </a:lnTo>
                  <a:lnTo>
                    <a:pt x="371" y="1126"/>
                  </a:lnTo>
                  <a:lnTo>
                    <a:pt x="377" y="1129"/>
                  </a:lnTo>
                  <a:lnTo>
                    <a:pt x="382" y="1133"/>
                  </a:lnTo>
                  <a:lnTo>
                    <a:pt x="386" y="1139"/>
                  </a:lnTo>
                  <a:lnTo>
                    <a:pt x="389" y="1147"/>
                  </a:lnTo>
                  <a:lnTo>
                    <a:pt x="392" y="1155"/>
                  </a:lnTo>
                  <a:lnTo>
                    <a:pt x="393" y="1166"/>
                  </a:lnTo>
                  <a:lnTo>
                    <a:pt x="395" y="1176"/>
                  </a:lnTo>
                  <a:lnTo>
                    <a:pt x="395" y="1979"/>
                  </a:lnTo>
                  <a:lnTo>
                    <a:pt x="1256" y="1976"/>
                  </a:lnTo>
                  <a:lnTo>
                    <a:pt x="1256" y="1976"/>
                  </a:lnTo>
                  <a:lnTo>
                    <a:pt x="1266" y="1978"/>
                  </a:lnTo>
                  <a:lnTo>
                    <a:pt x="1277" y="1979"/>
                  </a:lnTo>
                  <a:lnTo>
                    <a:pt x="1286" y="1982"/>
                  </a:lnTo>
                  <a:lnTo>
                    <a:pt x="1292" y="1985"/>
                  </a:lnTo>
                  <a:lnTo>
                    <a:pt x="1298" y="1990"/>
                  </a:lnTo>
                  <a:lnTo>
                    <a:pt x="1302" y="1996"/>
                  </a:lnTo>
                  <a:lnTo>
                    <a:pt x="1305" y="2000"/>
                  </a:lnTo>
                  <a:lnTo>
                    <a:pt x="1307" y="2006"/>
                  </a:lnTo>
                  <a:lnTo>
                    <a:pt x="1307" y="2014"/>
                  </a:lnTo>
                  <a:lnTo>
                    <a:pt x="1305" y="2020"/>
                  </a:lnTo>
                  <a:lnTo>
                    <a:pt x="1302" y="2027"/>
                  </a:lnTo>
                  <a:lnTo>
                    <a:pt x="1298" y="2033"/>
                  </a:lnTo>
                  <a:lnTo>
                    <a:pt x="1292" y="2040"/>
                  </a:lnTo>
                  <a:lnTo>
                    <a:pt x="1284" y="2046"/>
                  </a:lnTo>
                  <a:lnTo>
                    <a:pt x="1275" y="2052"/>
                  </a:lnTo>
                  <a:lnTo>
                    <a:pt x="1265" y="2057"/>
                  </a:lnTo>
                  <a:lnTo>
                    <a:pt x="1265" y="2057"/>
                  </a:lnTo>
                  <a:lnTo>
                    <a:pt x="1253" y="2064"/>
                  </a:lnTo>
                  <a:lnTo>
                    <a:pt x="1239" y="2075"/>
                  </a:lnTo>
                  <a:lnTo>
                    <a:pt x="1225" y="2088"/>
                  </a:lnTo>
                  <a:lnTo>
                    <a:pt x="1217" y="2097"/>
                  </a:lnTo>
                  <a:lnTo>
                    <a:pt x="1211" y="2106"/>
                  </a:lnTo>
                  <a:lnTo>
                    <a:pt x="1204" y="2117"/>
                  </a:lnTo>
                  <a:lnTo>
                    <a:pt x="1198" y="2129"/>
                  </a:lnTo>
                  <a:lnTo>
                    <a:pt x="1193" y="2141"/>
                  </a:lnTo>
                  <a:lnTo>
                    <a:pt x="1189" y="2156"/>
                  </a:lnTo>
                  <a:lnTo>
                    <a:pt x="1186" y="2171"/>
                  </a:lnTo>
                  <a:lnTo>
                    <a:pt x="1186" y="2187"/>
                  </a:lnTo>
                  <a:lnTo>
                    <a:pt x="1186" y="2187"/>
                  </a:lnTo>
                  <a:lnTo>
                    <a:pt x="1186" y="2206"/>
                  </a:lnTo>
                  <a:lnTo>
                    <a:pt x="1190" y="2224"/>
                  </a:lnTo>
                  <a:lnTo>
                    <a:pt x="1196" y="2242"/>
                  </a:lnTo>
                  <a:lnTo>
                    <a:pt x="1204" y="2259"/>
                  </a:lnTo>
                  <a:lnTo>
                    <a:pt x="1213" y="2275"/>
                  </a:lnTo>
                  <a:lnTo>
                    <a:pt x="1225" y="2290"/>
                  </a:lnTo>
                  <a:lnTo>
                    <a:pt x="1238" y="2304"/>
                  </a:lnTo>
                  <a:lnTo>
                    <a:pt x="1253" y="2317"/>
                  </a:lnTo>
                  <a:lnTo>
                    <a:pt x="1268" y="2329"/>
                  </a:lnTo>
                  <a:lnTo>
                    <a:pt x="1286" y="2339"/>
                  </a:lnTo>
                  <a:lnTo>
                    <a:pt x="1305" y="2348"/>
                  </a:lnTo>
                  <a:lnTo>
                    <a:pt x="1325" y="2357"/>
                  </a:lnTo>
                  <a:lnTo>
                    <a:pt x="1346" y="2363"/>
                  </a:lnTo>
                  <a:lnTo>
                    <a:pt x="1368" y="2368"/>
                  </a:lnTo>
                  <a:lnTo>
                    <a:pt x="1390" y="2371"/>
                  </a:lnTo>
                  <a:lnTo>
                    <a:pt x="1414" y="2371"/>
                  </a:lnTo>
                  <a:lnTo>
                    <a:pt x="1414" y="2371"/>
                  </a:lnTo>
                  <a:lnTo>
                    <a:pt x="1438" y="2371"/>
                  </a:lnTo>
                  <a:lnTo>
                    <a:pt x="1461" y="2368"/>
                  </a:lnTo>
                  <a:lnTo>
                    <a:pt x="1483" y="2363"/>
                  </a:lnTo>
                  <a:lnTo>
                    <a:pt x="1504" y="2357"/>
                  </a:lnTo>
                  <a:lnTo>
                    <a:pt x="1523" y="2348"/>
                  </a:lnTo>
                  <a:lnTo>
                    <a:pt x="1543" y="2339"/>
                  </a:lnTo>
                  <a:lnTo>
                    <a:pt x="1561" y="2329"/>
                  </a:lnTo>
                  <a:lnTo>
                    <a:pt x="1577" y="2317"/>
                  </a:lnTo>
                  <a:lnTo>
                    <a:pt x="1591" y="2304"/>
                  </a:lnTo>
                  <a:lnTo>
                    <a:pt x="1604" y="2290"/>
                  </a:lnTo>
                  <a:lnTo>
                    <a:pt x="1616" y="2275"/>
                  </a:lnTo>
                  <a:lnTo>
                    <a:pt x="1625" y="2259"/>
                  </a:lnTo>
                  <a:lnTo>
                    <a:pt x="1634" y="2242"/>
                  </a:lnTo>
                  <a:lnTo>
                    <a:pt x="1639" y="2224"/>
                  </a:lnTo>
                  <a:lnTo>
                    <a:pt x="1643" y="2206"/>
                  </a:lnTo>
                  <a:lnTo>
                    <a:pt x="1645" y="2187"/>
                  </a:lnTo>
                  <a:lnTo>
                    <a:pt x="1645" y="2187"/>
                  </a:lnTo>
                  <a:lnTo>
                    <a:pt x="1643" y="2171"/>
                  </a:lnTo>
                  <a:lnTo>
                    <a:pt x="1640" y="2156"/>
                  </a:lnTo>
                  <a:lnTo>
                    <a:pt x="1637" y="2141"/>
                  </a:lnTo>
                  <a:lnTo>
                    <a:pt x="1631" y="2129"/>
                  </a:lnTo>
                  <a:lnTo>
                    <a:pt x="1625" y="2117"/>
                  </a:lnTo>
                  <a:lnTo>
                    <a:pt x="1619" y="2106"/>
                  </a:lnTo>
                  <a:lnTo>
                    <a:pt x="1612" y="2097"/>
                  </a:lnTo>
                  <a:lnTo>
                    <a:pt x="1604" y="2088"/>
                  </a:lnTo>
                  <a:lnTo>
                    <a:pt x="1589" y="2075"/>
                  </a:lnTo>
                  <a:lnTo>
                    <a:pt x="1576" y="2064"/>
                  </a:lnTo>
                  <a:lnTo>
                    <a:pt x="1564" y="2057"/>
                  </a:lnTo>
                  <a:lnTo>
                    <a:pt x="1564" y="2057"/>
                  </a:lnTo>
                  <a:lnTo>
                    <a:pt x="1553" y="2052"/>
                  </a:lnTo>
                  <a:lnTo>
                    <a:pt x="1544" y="2046"/>
                  </a:lnTo>
                  <a:lnTo>
                    <a:pt x="1537" y="2039"/>
                  </a:lnTo>
                  <a:lnTo>
                    <a:pt x="1531" y="2033"/>
                  </a:lnTo>
                  <a:lnTo>
                    <a:pt x="1526" y="2026"/>
                  </a:lnTo>
                  <a:lnTo>
                    <a:pt x="1523" y="2020"/>
                  </a:lnTo>
                  <a:lnTo>
                    <a:pt x="1522" y="2012"/>
                  </a:lnTo>
                  <a:lnTo>
                    <a:pt x="1522" y="2006"/>
                  </a:lnTo>
                  <a:lnTo>
                    <a:pt x="1523" y="2000"/>
                  </a:lnTo>
                  <a:lnTo>
                    <a:pt x="1526" y="1994"/>
                  </a:lnTo>
                  <a:lnTo>
                    <a:pt x="1531" y="1990"/>
                  </a:lnTo>
                  <a:lnTo>
                    <a:pt x="1537" y="1985"/>
                  </a:lnTo>
                  <a:lnTo>
                    <a:pt x="1544" y="1981"/>
                  </a:lnTo>
                  <a:lnTo>
                    <a:pt x="1553" y="1978"/>
                  </a:lnTo>
                  <a:lnTo>
                    <a:pt x="1564" y="1976"/>
                  </a:lnTo>
                  <a:lnTo>
                    <a:pt x="1576" y="1976"/>
                  </a:lnTo>
                  <a:lnTo>
                    <a:pt x="2377" y="1976"/>
                  </a:lnTo>
                  <a:lnTo>
                    <a:pt x="2377" y="1138"/>
                  </a:lnTo>
                  <a:lnTo>
                    <a:pt x="2377" y="1138"/>
                  </a:lnTo>
                  <a:lnTo>
                    <a:pt x="2370" y="1130"/>
                  </a:lnTo>
                  <a:lnTo>
                    <a:pt x="2362" y="1126"/>
                  </a:lnTo>
                  <a:lnTo>
                    <a:pt x="2353" y="1124"/>
                  </a:lnTo>
                  <a:lnTo>
                    <a:pt x="2343" y="1127"/>
                  </a:lnTo>
                  <a:lnTo>
                    <a:pt x="2334" y="1132"/>
                  </a:lnTo>
                  <a:lnTo>
                    <a:pt x="2323" y="1139"/>
                  </a:lnTo>
                  <a:lnTo>
                    <a:pt x="2314" y="1151"/>
                  </a:lnTo>
                  <a:lnTo>
                    <a:pt x="2305" y="1166"/>
                  </a:lnTo>
                  <a:lnTo>
                    <a:pt x="2305" y="1166"/>
                  </a:lnTo>
                  <a:lnTo>
                    <a:pt x="2298" y="1178"/>
                  </a:lnTo>
                  <a:lnTo>
                    <a:pt x="2289" y="1191"/>
                  </a:lnTo>
                  <a:lnTo>
                    <a:pt x="2275" y="1206"/>
                  </a:lnTo>
                  <a:lnTo>
                    <a:pt x="2266" y="1214"/>
                  </a:lnTo>
                  <a:lnTo>
                    <a:pt x="2257" y="1220"/>
                  </a:lnTo>
                  <a:lnTo>
                    <a:pt x="2247" y="1227"/>
                  </a:lnTo>
                  <a:lnTo>
                    <a:pt x="2235" y="1233"/>
                  </a:lnTo>
                  <a:lnTo>
                    <a:pt x="2222" y="1239"/>
                  </a:lnTo>
                  <a:lnTo>
                    <a:pt x="2208" y="1242"/>
                  </a:lnTo>
                  <a:lnTo>
                    <a:pt x="2193" y="1245"/>
                  </a:lnTo>
                  <a:lnTo>
                    <a:pt x="2177" y="1245"/>
                  </a:lnTo>
                  <a:lnTo>
                    <a:pt x="2177" y="1245"/>
                  </a:lnTo>
                  <a:lnTo>
                    <a:pt x="2157" y="1245"/>
                  </a:lnTo>
                  <a:lnTo>
                    <a:pt x="2139" y="1241"/>
                  </a:lnTo>
                  <a:lnTo>
                    <a:pt x="2121" y="1236"/>
                  </a:lnTo>
                  <a:lnTo>
                    <a:pt x="2105" y="1227"/>
                  </a:lnTo>
                  <a:lnTo>
                    <a:pt x="2089" y="1218"/>
                  </a:lnTo>
                  <a:lnTo>
                    <a:pt x="2074" y="1206"/>
                  </a:lnTo>
                  <a:lnTo>
                    <a:pt x="2060" y="1193"/>
                  </a:lnTo>
                  <a:lnTo>
                    <a:pt x="2047" y="1179"/>
                  </a:lnTo>
                  <a:lnTo>
                    <a:pt x="2035" y="1163"/>
                  </a:lnTo>
                  <a:lnTo>
                    <a:pt x="2024" y="1145"/>
                  </a:lnTo>
                  <a:lnTo>
                    <a:pt x="2015" y="1126"/>
                  </a:lnTo>
                  <a:lnTo>
                    <a:pt x="2006" y="1106"/>
                  </a:lnTo>
                  <a:lnTo>
                    <a:pt x="2000" y="1085"/>
                  </a:lnTo>
                  <a:lnTo>
                    <a:pt x="1996" y="1063"/>
                  </a:lnTo>
                  <a:lnTo>
                    <a:pt x="1993" y="1040"/>
                  </a:lnTo>
                  <a:lnTo>
                    <a:pt x="1993" y="1016"/>
                  </a:lnTo>
                  <a:lnTo>
                    <a:pt x="1993" y="1016"/>
                  </a:lnTo>
                  <a:lnTo>
                    <a:pt x="1993" y="993"/>
                  </a:lnTo>
                  <a:lnTo>
                    <a:pt x="1996" y="970"/>
                  </a:lnTo>
                  <a:lnTo>
                    <a:pt x="2000" y="948"/>
                  </a:lnTo>
                  <a:lnTo>
                    <a:pt x="2006" y="927"/>
                  </a:lnTo>
                  <a:lnTo>
                    <a:pt x="2015" y="907"/>
                  </a:lnTo>
                  <a:lnTo>
                    <a:pt x="2024" y="888"/>
                  </a:lnTo>
                  <a:lnTo>
                    <a:pt x="2035" y="870"/>
                  </a:lnTo>
                  <a:lnTo>
                    <a:pt x="2047" y="855"/>
                  </a:lnTo>
                  <a:lnTo>
                    <a:pt x="2060" y="840"/>
                  </a:lnTo>
                  <a:lnTo>
                    <a:pt x="2074" y="827"/>
                  </a:lnTo>
                  <a:lnTo>
                    <a:pt x="2089" y="815"/>
                  </a:lnTo>
                  <a:lnTo>
                    <a:pt x="2105" y="806"/>
                  </a:lnTo>
                  <a:lnTo>
                    <a:pt x="2121" y="797"/>
                  </a:lnTo>
                  <a:lnTo>
                    <a:pt x="2139" y="792"/>
                  </a:lnTo>
                  <a:lnTo>
                    <a:pt x="2157" y="788"/>
                  </a:lnTo>
                  <a:lnTo>
                    <a:pt x="2177" y="788"/>
                  </a:lnTo>
                  <a:lnTo>
                    <a:pt x="2177" y="788"/>
                  </a:lnTo>
                  <a:close/>
                </a:path>
              </a:pathLst>
            </a:custGeom>
            <a:solidFill>
              <a:schemeClr val="accent6">
                <a:lumMod val="40000"/>
                <a:lumOff val="60000"/>
              </a:schemeClr>
            </a:solidFill>
            <a:ln w="28575">
              <a:solidFill>
                <a:schemeClr val="bg1">
                  <a:lumMod val="50000"/>
                </a:schemeClr>
              </a:solidFill>
              <a:prstDash val="solid"/>
              <a:round/>
              <a:headEnd/>
              <a:tailEnd/>
            </a:ln>
          </p:spPr>
          <p:txBody>
            <a:bodyPr bIns="360000" anchor="ctr"/>
            <a:lstStyle/>
            <a:p>
              <a:pPr algn="ctr">
                <a:defRPr/>
              </a:pPr>
              <a:r>
                <a:rPr lang="en-US" sz="3200" dirty="0">
                  <a:solidFill>
                    <a:srgbClr val="FF0000"/>
                  </a:solidFill>
                  <a:cs typeface="Arial" charset="0"/>
                </a:rPr>
                <a:t>*</a:t>
              </a:r>
            </a:p>
            <a:p>
              <a:pPr algn="ctr">
                <a:defRPr/>
              </a:pPr>
              <a:r>
                <a:rPr lang="en-US" dirty="0">
                  <a:cs typeface="Arial" charset="0"/>
                </a:rPr>
                <a:t>Hep C  (</a:t>
              </a:r>
              <a:r>
                <a:rPr lang="en-US" dirty="0" err="1">
                  <a:cs typeface="Arial" charset="0"/>
                </a:rPr>
                <a:t>MedMorph</a:t>
              </a:r>
              <a:r>
                <a:rPr lang="en-US" dirty="0">
                  <a:cs typeface="Arial" charset="0"/>
                </a:rPr>
                <a:t>)</a:t>
              </a:r>
              <a:endParaRPr lang="en-GB" dirty="0">
                <a:cs typeface="Arial" charset="0"/>
              </a:endParaRPr>
            </a:p>
          </p:txBody>
        </p:sp>
        <p:sp>
          <p:nvSpPr>
            <p:cNvPr id="16" name="Freeform 10">
              <a:extLst>
                <a:ext uri="{FF2B5EF4-FFF2-40B4-BE49-F238E27FC236}">
                  <a16:creationId xmlns:a16="http://schemas.microsoft.com/office/drawing/2014/main" id="{CECEBF1E-B393-AB4F-8BFE-7F53A872DC82}"/>
                </a:ext>
              </a:extLst>
            </p:cNvPr>
            <p:cNvSpPr>
              <a:spLocks/>
            </p:cNvSpPr>
            <p:nvPr/>
          </p:nvSpPr>
          <p:spPr bwMode="auto">
            <a:xfrm>
              <a:off x="1657235" y="1653409"/>
              <a:ext cx="1568450" cy="1885950"/>
            </a:xfrm>
            <a:custGeom>
              <a:avLst/>
              <a:gdLst>
                <a:gd name="T0" fmla="*/ 1797 w 1976"/>
                <a:gd name="T1" fmla="*/ 791 h 2375"/>
                <a:gd name="T2" fmla="*/ 1846 w 1976"/>
                <a:gd name="T3" fmla="*/ 812 h 2375"/>
                <a:gd name="T4" fmla="*/ 1886 w 1976"/>
                <a:gd name="T5" fmla="*/ 855 h 2375"/>
                <a:gd name="T6" fmla="*/ 1906 w 1976"/>
                <a:gd name="T7" fmla="*/ 886 h 2375"/>
                <a:gd name="T8" fmla="*/ 1933 w 1976"/>
                <a:gd name="T9" fmla="*/ 907 h 2375"/>
                <a:gd name="T10" fmla="*/ 1958 w 1976"/>
                <a:gd name="T11" fmla="*/ 903 h 2375"/>
                <a:gd name="T12" fmla="*/ 1973 w 1976"/>
                <a:gd name="T13" fmla="*/ 877 h 2375"/>
                <a:gd name="T14" fmla="*/ 0 w 1976"/>
                <a:gd name="T15" fmla="*/ 0 h 2375"/>
                <a:gd name="T16" fmla="*/ 856 w 1976"/>
                <a:gd name="T17" fmla="*/ 1981 h 2375"/>
                <a:gd name="T18" fmla="*/ 886 w 1976"/>
                <a:gd name="T19" fmla="*/ 1985 h 2375"/>
                <a:gd name="T20" fmla="*/ 907 w 1976"/>
                <a:gd name="T21" fmla="*/ 2005 h 2375"/>
                <a:gd name="T22" fmla="*/ 904 w 1976"/>
                <a:gd name="T23" fmla="*/ 2030 h 2375"/>
                <a:gd name="T24" fmla="*/ 879 w 1976"/>
                <a:gd name="T25" fmla="*/ 2057 h 2375"/>
                <a:gd name="T26" fmla="*/ 843 w 1976"/>
                <a:gd name="T27" fmla="*/ 2079 h 2375"/>
                <a:gd name="T28" fmla="*/ 807 w 1976"/>
                <a:gd name="T29" fmla="*/ 2121 h 2375"/>
                <a:gd name="T30" fmla="*/ 789 w 1976"/>
                <a:gd name="T31" fmla="*/ 2175 h 2375"/>
                <a:gd name="T32" fmla="*/ 792 w 1976"/>
                <a:gd name="T33" fmla="*/ 2229 h 2375"/>
                <a:gd name="T34" fmla="*/ 827 w 1976"/>
                <a:gd name="T35" fmla="*/ 2295 h 2375"/>
                <a:gd name="T36" fmla="*/ 889 w 1976"/>
                <a:gd name="T37" fmla="*/ 2344 h 2375"/>
                <a:gd name="T38" fmla="*/ 972 w 1976"/>
                <a:gd name="T39" fmla="*/ 2372 h 2375"/>
                <a:gd name="T40" fmla="*/ 1040 w 1976"/>
                <a:gd name="T41" fmla="*/ 2374 h 2375"/>
                <a:gd name="T42" fmla="*/ 1127 w 1976"/>
                <a:gd name="T43" fmla="*/ 2353 h 2375"/>
                <a:gd name="T44" fmla="*/ 1194 w 1976"/>
                <a:gd name="T45" fmla="*/ 2308 h 2375"/>
                <a:gd name="T46" fmla="*/ 1236 w 1976"/>
                <a:gd name="T47" fmla="*/ 2245 h 2375"/>
                <a:gd name="T48" fmla="*/ 1247 w 1976"/>
                <a:gd name="T49" fmla="*/ 2191 h 2375"/>
                <a:gd name="T50" fmla="*/ 1235 w 1976"/>
                <a:gd name="T51" fmla="*/ 2133 h 2375"/>
                <a:gd name="T52" fmla="*/ 1206 w 1976"/>
                <a:gd name="T53" fmla="*/ 2093 h 2375"/>
                <a:gd name="T54" fmla="*/ 1166 w 1976"/>
                <a:gd name="T55" fmla="*/ 2061 h 2375"/>
                <a:gd name="T56" fmla="*/ 1134 w 1976"/>
                <a:gd name="T57" fmla="*/ 2037 h 2375"/>
                <a:gd name="T58" fmla="*/ 1125 w 1976"/>
                <a:gd name="T59" fmla="*/ 2011 h 2375"/>
                <a:gd name="T60" fmla="*/ 1140 w 1976"/>
                <a:gd name="T61" fmla="*/ 1990 h 2375"/>
                <a:gd name="T62" fmla="*/ 1178 w 1976"/>
                <a:gd name="T63" fmla="*/ 1981 h 2375"/>
                <a:gd name="T64" fmla="*/ 1976 w 1976"/>
                <a:gd name="T65" fmla="*/ 1176 h 2375"/>
                <a:gd name="T66" fmla="*/ 1972 w 1976"/>
                <a:gd name="T67" fmla="*/ 1147 h 2375"/>
                <a:gd name="T68" fmla="*/ 1952 w 1976"/>
                <a:gd name="T69" fmla="*/ 1126 h 2375"/>
                <a:gd name="T70" fmla="*/ 1927 w 1976"/>
                <a:gd name="T71" fmla="*/ 1129 h 2375"/>
                <a:gd name="T72" fmla="*/ 1900 w 1976"/>
                <a:gd name="T73" fmla="*/ 1155 h 2375"/>
                <a:gd name="T74" fmla="*/ 1877 w 1976"/>
                <a:gd name="T75" fmla="*/ 1190 h 2375"/>
                <a:gd name="T76" fmla="*/ 1835 w 1976"/>
                <a:gd name="T77" fmla="*/ 1227 h 2375"/>
                <a:gd name="T78" fmla="*/ 1782 w 1976"/>
                <a:gd name="T79" fmla="*/ 1245 h 2375"/>
                <a:gd name="T80" fmla="*/ 1728 w 1976"/>
                <a:gd name="T81" fmla="*/ 1241 h 2375"/>
                <a:gd name="T82" fmla="*/ 1662 w 1976"/>
                <a:gd name="T83" fmla="*/ 1206 h 2375"/>
                <a:gd name="T84" fmla="*/ 1613 w 1976"/>
                <a:gd name="T85" fmla="*/ 1145 h 2375"/>
                <a:gd name="T86" fmla="*/ 1584 w 1976"/>
                <a:gd name="T87" fmla="*/ 1063 h 2375"/>
                <a:gd name="T88" fmla="*/ 1581 w 1976"/>
                <a:gd name="T89" fmla="*/ 993 h 2375"/>
                <a:gd name="T90" fmla="*/ 1604 w 1976"/>
                <a:gd name="T91" fmla="*/ 907 h 2375"/>
                <a:gd name="T92" fmla="*/ 1649 w 1976"/>
                <a:gd name="T93" fmla="*/ 839 h 2375"/>
                <a:gd name="T94" fmla="*/ 1710 w 1976"/>
                <a:gd name="T95" fmla="*/ 797 h 2375"/>
                <a:gd name="T96" fmla="*/ 1765 w 1976"/>
                <a:gd name="T97" fmla="*/ 786 h 23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76" h="2375">
                  <a:moveTo>
                    <a:pt x="1765" y="786"/>
                  </a:moveTo>
                  <a:lnTo>
                    <a:pt x="1765" y="786"/>
                  </a:lnTo>
                  <a:lnTo>
                    <a:pt x="1782" y="788"/>
                  </a:lnTo>
                  <a:lnTo>
                    <a:pt x="1797" y="791"/>
                  </a:lnTo>
                  <a:lnTo>
                    <a:pt x="1810" y="794"/>
                  </a:lnTo>
                  <a:lnTo>
                    <a:pt x="1824" y="800"/>
                  </a:lnTo>
                  <a:lnTo>
                    <a:pt x="1835" y="806"/>
                  </a:lnTo>
                  <a:lnTo>
                    <a:pt x="1846" y="812"/>
                  </a:lnTo>
                  <a:lnTo>
                    <a:pt x="1855" y="819"/>
                  </a:lnTo>
                  <a:lnTo>
                    <a:pt x="1864" y="827"/>
                  </a:lnTo>
                  <a:lnTo>
                    <a:pt x="1877" y="842"/>
                  </a:lnTo>
                  <a:lnTo>
                    <a:pt x="1886" y="855"/>
                  </a:lnTo>
                  <a:lnTo>
                    <a:pt x="1894" y="867"/>
                  </a:lnTo>
                  <a:lnTo>
                    <a:pt x="1894" y="867"/>
                  </a:lnTo>
                  <a:lnTo>
                    <a:pt x="1900" y="877"/>
                  </a:lnTo>
                  <a:lnTo>
                    <a:pt x="1906" y="886"/>
                  </a:lnTo>
                  <a:lnTo>
                    <a:pt x="1913" y="894"/>
                  </a:lnTo>
                  <a:lnTo>
                    <a:pt x="1919" y="900"/>
                  </a:lnTo>
                  <a:lnTo>
                    <a:pt x="1927" y="904"/>
                  </a:lnTo>
                  <a:lnTo>
                    <a:pt x="1933" y="907"/>
                  </a:lnTo>
                  <a:lnTo>
                    <a:pt x="1940" y="907"/>
                  </a:lnTo>
                  <a:lnTo>
                    <a:pt x="1946" y="907"/>
                  </a:lnTo>
                  <a:lnTo>
                    <a:pt x="1952" y="906"/>
                  </a:lnTo>
                  <a:lnTo>
                    <a:pt x="1958" y="903"/>
                  </a:lnTo>
                  <a:lnTo>
                    <a:pt x="1963" y="898"/>
                  </a:lnTo>
                  <a:lnTo>
                    <a:pt x="1967" y="892"/>
                  </a:lnTo>
                  <a:lnTo>
                    <a:pt x="1972" y="886"/>
                  </a:lnTo>
                  <a:lnTo>
                    <a:pt x="1973" y="877"/>
                  </a:lnTo>
                  <a:lnTo>
                    <a:pt x="1976" y="867"/>
                  </a:lnTo>
                  <a:lnTo>
                    <a:pt x="1976" y="855"/>
                  </a:lnTo>
                  <a:lnTo>
                    <a:pt x="1976" y="0"/>
                  </a:lnTo>
                  <a:lnTo>
                    <a:pt x="0" y="0"/>
                  </a:lnTo>
                  <a:lnTo>
                    <a:pt x="0" y="1979"/>
                  </a:lnTo>
                  <a:lnTo>
                    <a:pt x="454" y="1979"/>
                  </a:lnTo>
                  <a:lnTo>
                    <a:pt x="454" y="1981"/>
                  </a:lnTo>
                  <a:lnTo>
                    <a:pt x="856" y="1981"/>
                  </a:lnTo>
                  <a:lnTo>
                    <a:pt x="856" y="1981"/>
                  </a:lnTo>
                  <a:lnTo>
                    <a:pt x="868" y="1981"/>
                  </a:lnTo>
                  <a:lnTo>
                    <a:pt x="877" y="1982"/>
                  </a:lnTo>
                  <a:lnTo>
                    <a:pt x="886" y="1985"/>
                  </a:lnTo>
                  <a:lnTo>
                    <a:pt x="894" y="1990"/>
                  </a:lnTo>
                  <a:lnTo>
                    <a:pt x="900" y="1994"/>
                  </a:lnTo>
                  <a:lnTo>
                    <a:pt x="904" y="1999"/>
                  </a:lnTo>
                  <a:lnTo>
                    <a:pt x="907" y="2005"/>
                  </a:lnTo>
                  <a:lnTo>
                    <a:pt x="909" y="2011"/>
                  </a:lnTo>
                  <a:lnTo>
                    <a:pt x="909" y="2017"/>
                  </a:lnTo>
                  <a:lnTo>
                    <a:pt x="907" y="2024"/>
                  </a:lnTo>
                  <a:lnTo>
                    <a:pt x="904" y="2030"/>
                  </a:lnTo>
                  <a:lnTo>
                    <a:pt x="900" y="2037"/>
                  </a:lnTo>
                  <a:lnTo>
                    <a:pt x="895" y="2043"/>
                  </a:lnTo>
                  <a:lnTo>
                    <a:pt x="888" y="2051"/>
                  </a:lnTo>
                  <a:lnTo>
                    <a:pt x="879" y="2057"/>
                  </a:lnTo>
                  <a:lnTo>
                    <a:pt x="868" y="2061"/>
                  </a:lnTo>
                  <a:lnTo>
                    <a:pt x="868" y="2061"/>
                  </a:lnTo>
                  <a:lnTo>
                    <a:pt x="855" y="2069"/>
                  </a:lnTo>
                  <a:lnTo>
                    <a:pt x="843" y="2079"/>
                  </a:lnTo>
                  <a:lnTo>
                    <a:pt x="828" y="2093"/>
                  </a:lnTo>
                  <a:lnTo>
                    <a:pt x="821" y="2102"/>
                  </a:lnTo>
                  <a:lnTo>
                    <a:pt x="813" y="2111"/>
                  </a:lnTo>
                  <a:lnTo>
                    <a:pt x="807" y="2121"/>
                  </a:lnTo>
                  <a:lnTo>
                    <a:pt x="800" y="2133"/>
                  </a:lnTo>
                  <a:lnTo>
                    <a:pt x="795" y="2145"/>
                  </a:lnTo>
                  <a:lnTo>
                    <a:pt x="791" y="2160"/>
                  </a:lnTo>
                  <a:lnTo>
                    <a:pt x="789" y="2175"/>
                  </a:lnTo>
                  <a:lnTo>
                    <a:pt x="788" y="2191"/>
                  </a:lnTo>
                  <a:lnTo>
                    <a:pt x="788" y="2191"/>
                  </a:lnTo>
                  <a:lnTo>
                    <a:pt x="789" y="2209"/>
                  </a:lnTo>
                  <a:lnTo>
                    <a:pt x="792" y="2229"/>
                  </a:lnTo>
                  <a:lnTo>
                    <a:pt x="798" y="2245"/>
                  </a:lnTo>
                  <a:lnTo>
                    <a:pt x="806" y="2263"/>
                  </a:lnTo>
                  <a:lnTo>
                    <a:pt x="816" y="2280"/>
                  </a:lnTo>
                  <a:lnTo>
                    <a:pt x="827" y="2295"/>
                  </a:lnTo>
                  <a:lnTo>
                    <a:pt x="840" y="2308"/>
                  </a:lnTo>
                  <a:lnTo>
                    <a:pt x="855" y="2321"/>
                  </a:lnTo>
                  <a:lnTo>
                    <a:pt x="871" y="2333"/>
                  </a:lnTo>
                  <a:lnTo>
                    <a:pt x="889" y="2344"/>
                  </a:lnTo>
                  <a:lnTo>
                    <a:pt x="907" y="2353"/>
                  </a:lnTo>
                  <a:lnTo>
                    <a:pt x="928" y="2360"/>
                  </a:lnTo>
                  <a:lnTo>
                    <a:pt x="949" y="2368"/>
                  </a:lnTo>
                  <a:lnTo>
                    <a:pt x="972" y="2372"/>
                  </a:lnTo>
                  <a:lnTo>
                    <a:pt x="994" y="2374"/>
                  </a:lnTo>
                  <a:lnTo>
                    <a:pt x="1018" y="2375"/>
                  </a:lnTo>
                  <a:lnTo>
                    <a:pt x="1018" y="2375"/>
                  </a:lnTo>
                  <a:lnTo>
                    <a:pt x="1040" y="2374"/>
                  </a:lnTo>
                  <a:lnTo>
                    <a:pt x="1063" y="2372"/>
                  </a:lnTo>
                  <a:lnTo>
                    <a:pt x="1085" y="2368"/>
                  </a:lnTo>
                  <a:lnTo>
                    <a:pt x="1106" y="2360"/>
                  </a:lnTo>
                  <a:lnTo>
                    <a:pt x="1127" y="2353"/>
                  </a:lnTo>
                  <a:lnTo>
                    <a:pt x="1145" y="2344"/>
                  </a:lnTo>
                  <a:lnTo>
                    <a:pt x="1163" y="2333"/>
                  </a:lnTo>
                  <a:lnTo>
                    <a:pt x="1179" y="2321"/>
                  </a:lnTo>
                  <a:lnTo>
                    <a:pt x="1194" y="2308"/>
                  </a:lnTo>
                  <a:lnTo>
                    <a:pt x="1208" y="2295"/>
                  </a:lnTo>
                  <a:lnTo>
                    <a:pt x="1218" y="2280"/>
                  </a:lnTo>
                  <a:lnTo>
                    <a:pt x="1229" y="2263"/>
                  </a:lnTo>
                  <a:lnTo>
                    <a:pt x="1236" y="2245"/>
                  </a:lnTo>
                  <a:lnTo>
                    <a:pt x="1242" y="2229"/>
                  </a:lnTo>
                  <a:lnTo>
                    <a:pt x="1245" y="2209"/>
                  </a:lnTo>
                  <a:lnTo>
                    <a:pt x="1247" y="2191"/>
                  </a:lnTo>
                  <a:lnTo>
                    <a:pt x="1247" y="2191"/>
                  </a:lnTo>
                  <a:lnTo>
                    <a:pt x="1245" y="2175"/>
                  </a:lnTo>
                  <a:lnTo>
                    <a:pt x="1244" y="2160"/>
                  </a:lnTo>
                  <a:lnTo>
                    <a:pt x="1239" y="2145"/>
                  </a:lnTo>
                  <a:lnTo>
                    <a:pt x="1235" y="2133"/>
                  </a:lnTo>
                  <a:lnTo>
                    <a:pt x="1229" y="2121"/>
                  </a:lnTo>
                  <a:lnTo>
                    <a:pt x="1221" y="2111"/>
                  </a:lnTo>
                  <a:lnTo>
                    <a:pt x="1214" y="2102"/>
                  </a:lnTo>
                  <a:lnTo>
                    <a:pt x="1206" y="2093"/>
                  </a:lnTo>
                  <a:lnTo>
                    <a:pt x="1191" y="2079"/>
                  </a:lnTo>
                  <a:lnTo>
                    <a:pt x="1179" y="2069"/>
                  </a:lnTo>
                  <a:lnTo>
                    <a:pt x="1166" y="2061"/>
                  </a:lnTo>
                  <a:lnTo>
                    <a:pt x="1166" y="2061"/>
                  </a:lnTo>
                  <a:lnTo>
                    <a:pt x="1155" y="2057"/>
                  </a:lnTo>
                  <a:lnTo>
                    <a:pt x="1146" y="2051"/>
                  </a:lnTo>
                  <a:lnTo>
                    <a:pt x="1139" y="2043"/>
                  </a:lnTo>
                  <a:lnTo>
                    <a:pt x="1134" y="2037"/>
                  </a:lnTo>
                  <a:lnTo>
                    <a:pt x="1130" y="2030"/>
                  </a:lnTo>
                  <a:lnTo>
                    <a:pt x="1127" y="2024"/>
                  </a:lnTo>
                  <a:lnTo>
                    <a:pt x="1125" y="2017"/>
                  </a:lnTo>
                  <a:lnTo>
                    <a:pt x="1125" y="2011"/>
                  </a:lnTo>
                  <a:lnTo>
                    <a:pt x="1127" y="2005"/>
                  </a:lnTo>
                  <a:lnTo>
                    <a:pt x="1130" y="1999"/>
                  </a:lnTo>
                  <a:lnTo>
                    <a:pt x="1134" y="1994"/>
                  </a:lnTo>
                  <a:lnTo>
                    <a:pt x="1140" y="1990"/>
                  </a:lnTo>
                  <a:lnTo>
                    <a:pt x="1148" y="1985"/>
                  </a:lnTo>
                  <a:lnTo>
                    <a:pt x="1157" y="1982"/>
                  </a:lnTo>
                  <a:lnTo>
                    <a:pt x="1166" y="1981"/>
                  </a:lnTo>
                  <a:lnTo>
                    <a:pt x="1178" y="1981"/>
                  </a:lnTo>
                  <a:lnTo>
                    <a:pt x="1429" y="1981"/>
                  </a:lnTo>
                  <a:lnTo>
                    <a:pt x="1429" y="1979"/>
                  </a:lnTo>
                  <a:lnTo>
                    <a:pt x="1976" y="1979"/>
                  </a:lnTo>
                  <a:lnTo>
                    <a:pt x="1976" y="1176"/>
                  </a:lnTo>
                  <a:lnTo>
                    <a:pt x="1976" y="1176"/>
                  </a:lnTo>
                  <a:lnTo>
                    <a:pt x="1976" y="1166"/>
                  </a:lnTo>
                  <a:lnTo>
                    <a:pt x="1973" y="1155"/>
                  </a:lnTo>
                  <a:lnTo>
                    <a:pt x="1972" y="1147"/>
                  </a:lnTo>
                  <a:lnTo>
                    <a:pt x="1967" y="1139"/>
                  </a:lnTo>
                  <a:lnTo>
                    <a:pt x="1963" y="1133"/>
                  </a:lnTo>
                  <a:lnTo>
                    <a:pt x="1958" y="1129"/>
                  </a:lnTo>
                  <a:lnTo>
                    <a:pt x="1952" y="1126"/>
                  </a:lnTo>
                  <a:lnTo>
                    <a:pt x="1946" y="1124"/>
                  </a:lnTo>
                  <a:lnTo>
                    <a:pt x="1940" y="1124"/>
                  </a:lnTo>
                  <a:lnTo>
                    <a:pt x="1933" y="1126"/>
                  </a:lnTo>
                  <a:lnTo>
                    <a:pt x="1927" y="1129"/>
                  </a:lnTo>
                  <a:lnTo>
                    <a:pt x="1919" y="1133"/>
                  </a:lnTo>
                  <a:lnTo>
                    <a:pt x="1913" y="1139"/>
                  </a:lnTo>
                  <a:lnTo>
                    <a:pt x="1906" y="1147"/>
                  </a:lnTo>
                  <a:lnTo>
                    <a:pt x="1900" y="1155"/>
                  </a:lnTo>
                  <a:lnTo>
                    <a:pt x="1894" y="1164"/>
                  </a:lnTo>
                  <a:lnTo>
                    <a:pt x="1894" y="1164"/>
                  </a:lnTo>
                  <a:lnTo>
                    <a:pt x="1886" y="1178"/>
                  </a:lnTo>
                  <a:lnTo>
                    <a:pt x="1877" y="1190"/>
                  </a:lnTo>
                  <a:lnTo>
                    <a:pt x="1864" y="1205"/>
                  </a:lnTo>
                  <a:lnTo>
                    <a:pt x="1855" y="1212"/>
                  </a:lnTo>
                  <a:lnTo>
                    <a:pt x="1846" y="1220"/>
                  </a:lnTo>
                  <a:lnTo>
                    <a:pt x="1835" y="1227"/>
                  </a:lnTo>
                  <a:lnTo>
                    <a:pt x="1824" y="1233"/>
                  </a:lnTo>
                  <a:lnTo>
                    <a:pt x="1810" y="1238"/>
                  </a:lnTo>
                  <a:lnTo>
                    <a:pt x="1797" y="1242"/>
                  </a:lnTo>
                  <a:lnTo>
                    <a:pt x="1782" y="1245"/>
                  </a:lnTo>
                  <a:lnTo>
                    <a:pt x="1765" y="1245"/>
                  </a:lnTo>
                  <a:lnTo>
                    <a:pt x="1765" y="1245"/>
                  </a:lnTo>
                  <a:lnTo>
                    <a:pt x="1746" y="1244"/>
                  </a:lnTo>
                  <a:lnTo>
                    <a:pt x="1728" y="1241"/>
                  </a:lnTo>
                  <a:lnTo>
                    <a:pt x="1710" y="1235"/>
                  </a:lnTo>
                  <a:lnTo>
                    <a:pt x="1693" y="1227"/>
                  </a:lnTo>
                  <a:lnTo>
                    <a:pt x="1677" y="1218"/>
                  </a:lnTo>
                  <a:lnTo>
                    <a:pt x="1662" y="1206"/>
                  </a:lnTo>
                  <a:lnTo>
                    <a:pt x="1649" y="1193"/>
                  </a:lnTo>
                  <a:lnTo>
                    <a:pt x="1635" y="1178"/>
                  </a:lnTo>
                  <a:lnTo>
                    <a:pt x="1623" y="1161"/>
                  </a:lnTo>
                  <a:lnTo>
                    <a:pt x="1613" y="1145"/>
                  </a:lnTo>
                  <a:lnTo>
                    <a:pt x="1604" y="1126"/>
                  </a:lnTo>
                  <a:lnTo>
                    <a:pt x="1595" y="1105"/>
                  </a:lnTo>
                  <a:lnTo>
                    <a:pt x="1589" y="1084"/>
                  </a:lnTo>
                  <a:lnTo>
                    <a:pt x="1584" y="1063"/>
                  </a:lnTo>
                  <a:lnTo>
                    <a:pt x="1581" y="1039"/>
                  </a:lnTo>
                  <a:lnTo>
                    <a:pt x="1581" y="1016"/>
                  </a:lnTo>
                  <a:lnTo>
                    <a:pt x="1581" y="1016"/>
                  </a:lnTo>
                  <a:lnTo>
                    <a:pt x="1581" y="993"/>
                  </a:lnTo>
                  <a:lnTo>
                    <a:pt x="1584" y="970"/>
                  </a:lnTo>
                  <a:lnTo>
                    <a:pt x="1589" y="948"/>
                  </a:lnTo>
                  <a:lnTo>
                    <a:pt x="1595" y="927"/>
                  </a:lnTo>
                  <a:lnTo>
                    <a:pt x="1604" y="907"/>
                  </a:lnTo>
                  <a:lnTo>
                    <a:pt x="1613" y="888"/>
                  </a:lnTo>
                  <a:lnTo>
                    <a:pt x="1623" y="870"/>
                  </a:lnTo>
                  <a:lnTo>
                    <a:pt x="1635" y="854"/>
                  </a:lnTo>
                  <a:lnTo>
                    <a:pt x="1649" y="839"/>
                  </a:lnTo>
                  <a:lnTo>
                    <a:pt x="1662" y="825"/>
                  </a:lnTo>
                  <a:lnTo>
                    <a:pt x="1677" y="815"/>
                  </a:lnTo>
                  <a:lnTo>
                    <a:pt x="1693" y="804"/>
                  </a:lnTo>
                  <a:lnTo>
                    <a:pt x="1710" y="797"/>
                  </a:lnTo>
                  <a:lnTo>
                    <a:pt x="1728" y="791"/>
                  </a:lnTo>
                  <a:lnTo>
                    <a:pt x="1746" y="788"/>
                  </a:lnTo>
                  <a:lnTo>
                    <a:pt x="1765" y="786"/>
                  </a:lnTo>
                  <a:lnTo>
                    <a:pt x="1765" y="786"/>
                  </a:lnTo>
                  <a:close/>
                </a:path>
              </a:pathLst>
            </a:custGeom>
            <a:solidFill>
              <a:srgbClr val="BADCA2"/>
            </a:solidFill>
            <a:ln w="28575">
              <a:solidFill>
                <a:schemeClr val="bg1">
                  <a:lumMod val="50000"/>
                </a:schemeClr>
              </a:solidFill>
              <a:prstDash val="solid"/>
              <a:round/>
              <a:headEnd/>
              <a:tailEnd/>
            </a:ln>
          </p:spPr>
          <p:txBody>
            <a:bodyPr bIns="360000" anchor="ctr"/>
            <a:lstStyle/>
            <a:p>
              <a:pPr algn="ctr" eaLnBrk="1" hangingPunct="1">
                <a:defRPr/>
              </a:pPr>
              <a:r>
                <a:rPr lang="en-US" sz="3200" dirty="0">
                  <a:solidFill>
                    <a:srgbClr val="FF0000"/>
                  </a:solidFill>
                  <a:cs typeface="Arial" charset="0"/>
                </a:rPr>
                <a:t>*</a:t>
              </a:r>
            </a:p>
            <a:p>
              <a:pPr algn="ctr" eaLnBrk="1" hangingPunct="1">
                <a:defRPr/>
              </a:pPr>
              <a:r>
                <a:rPr lang="en-US" dirty="0">
                  <a:cs typeface="Arial" charset="0"/>
                </a:rPr>
                <a:t>FHIR for research</a:t>
              </a:r>
            </a:p>
            <a:p>
              <a:pPr algn="ctr" eaLnBrk="1" hangingPunct="1">
                <a:defRPr/>
              </a:pPr>
              <a:r>
                <a:rPr lang="en-US" dirty="0">
                  <a:cs typeface="Arial" charset="0"/>
                </a:rPr>
                <a:t>(</a:t>
              </a:r>
              <a:r>
                <a:rPr lang="en-US" dirty="0" err="1">
                  <a:cs typeface="Arial" charset="0"/>
                </a:rPr>
                <a:t>MedMorph</a:t>
              </a:r>
              <a:r>
                <a:rPr lang="en-US" dirty="0">
                  <a:cs typeface="Arial" charset="0"/>
                </a:rPr>
                <a:t>)</a:t>
              </a:r>
              <a:endParaRPr lang="en-GB" dirty="0">
                <a:cs typeface="Arial" charset="0"/>
              </a:endParaRPr>
            </a:p>
          </p:txBody>
        </p:sp>
        <p:sp>
          <p:nvSpPr>
            <p:cNvPr id="17" name="Freeform 11">
              <a:extLst>
                <a:ext uri="{FF2B5EF4-FFF2-40B4-BE49-F238E27FC236}">
                  <a16:creationId xmlns:a16="http://schemas.microsoft.com/office/drawing/2014/main" id="{5C70D192-13E2-6F44-A772-4677D9628A0E}"/>
                </a:ext>
              </a:extLst>
            </p:cNvPr>
            <p:cNvSpPr>
              <a:spLocks/>
            </p:cNvSpPr>
            <p:nvPr/>
          </p:nvSpPr>
          <p:spPr bwMode="auto">
            <a:xfrm>
              <a:off x="1657235" y="4793484"/>
              <a:ext cx="1887538" cy="1570037"/>
            </a:xfrm>
            <a:custGeom>
              <a:avLst/>
              <a:gdLst>
                <a:gd name="T0" fmla="*/ 791 w 2377"/>
                <a:gd name="T1" fmla="*/ 179 h 1976"/>
                <a:gd name="T2" fmla="*/ 813 w 2377"/>
                <a:gd name="T3" fmla="*/ 131 h 1976"/>
                <a:gd name="T4" fmla="*/ 855 w 2377"/>
                <a:gd name="T5" fmla="*/ 89 h 1976"/>
                <a:gd name="T6" fmla="*/ 886 w 2377"/>
                <a:gd name="T7" fmla="*/ 70 h 1976"/>
                <a:gd name="T8" fmla="*/ 907 w 2377"/>
                <a:gd name="T9" fmla="*/ 43 h 1976"/>
                <a:gd name="T10" fmla="*/ 904 w 2377"/>
                <a:gd name="T11" fmla="*/ 19 h 1976"/>
                <a:gd name="T12" fmla="*/ 877 w 2377"/>
                <a:gd name="T13" fmla="*/ 3 h 1976"/>
                <a:gd name="T14" fmla="*/ 0 w 2377"/>
                <a:gd name="T15" fmla="*/ 1976 h 1976"/>
                <a:gd name="T16" fmla="*/ 1980 w 2377"/>
                <a:gd name="T17" fmla="*/ 1121 h 1976"/>
                <a:gd name="T18" fmla="*/ 1986 w 2377"/>
                <a:gd name="T19" fmla="*/ 1090 h 1976"/>
                <a:gd name="T20" fmla="*/ 2004 w 2377"/>
                <a:gd name="T21" fmla="*/ 1069 h 1976"/>
                <a:gd name="T22" fmla="*/ 2031 w 2377"/>
                <a:gd name="T23" fmla="*/ 1072 h 1976"/>
                <a:gd name="T24" fmla="*/ 2057 w 2377"/>
                <a:gd name="T25" fmla="*/ 1099 h 1976"/>
                <a:gd name="T26" fmla="*/ 2079 w 2377"/>
                <a:gd name="T27" fmla="*/ 1134 h 1976"/>
                <a:gd name="T28" fmla="*/ 2121 w 2377"/>
                <a:gd name="T29" fmla="*/ 1170 h 1976"/>
                <a:gd name="T30" fmla="*/ 2175 w 2377"/>
                <a:gd name="T31" fmla="*/ 1188 h 1976"/>
                <a:gd name="T32" fmla="*/ 2229 w 2377"/>
                <a:gd name="T33" fmla="*/ 1184 h 1976"/>
                <a:gd name="T34" fmla="*/ 2294 w 2377"/>
                <a:gd name="T35" fmla="*/ 1149 h 1976"/>
                <a:gd name="T36" fmla="*/ 2345 w 2377"/>
                <a:gd name="T37" fmla="*/ 1088 h 1976"/>
                <a:gd name="T38" fmla="*/ 2372 w 2377"/>
                <a:gd name="T39" fmla="*/ 1006 h 1976"/>
                <a:gd name="T40" fmla="*/ 2375 w 2377"/>
                <a:gd name="T41" fmla="*/ 936 h 1976"/>
                <a:gd name="T42" fmla="*/ 2354 w 2377"/>
                <a:gd name="T43" fmla="*/ 850 h 1976"/>
                <a:gd name="T44" fmla="*/ 2309 w 2377"/>
                <a:gd name="T45" fmla="*/ 783 h 1976"/>
                <a:gd name="T46" fmla="*/ 2247 w 2377"/>
                <a:gd name="T47" fmla="*/ 740 h 1976"/>
                <a:gd name="T48" fmla="*/ 2191 w 2377"/>
                <a:gd name="T49" fmla="*/ 729 h 1976"/>
                <a:gd name="T50" fmla="*/ 2133 w 2377"/>
                <a:gd name="T51" fmla="*/ 743 h 1976"/>
                <a:gd name="T52" fmla="*/ 2093 w 2377"/>
                <a:gd name="T53" fmla="*/ 770 h 1976"/>
                <a:gd name="T54" fmla="*/ 2063 w 2377"/>
                <a:gd name="T55" fmla="*/ 810 h 1976"/>
                <a:gd name="T56" fmla="*/ 2037 w 2377"/>
                <a:gd name="T57" fmla="*/ 843 h 1976"/>
                <a:gd name="T58" fmla="*/ 2010 w 2377"/>
                <a:gd name="T59" fmla="*/ 852 h 1976"/>
                <a:gd name="T60" fmla="*/ 1989 w 2377"/>
                <a:gd name="T61" fmla="*/ 837 h 1976"/>
                <a:gd name="T62" fmla="*/ 1980 w 2377"/>
                <a:gd name="T63" fmla="*/ 798 h 1976"/>
                <a:gd name="T64" fmla="*/ 1178 w 2377"/>
                <a:gd name="T65" fmla="*/ 0 h 1976"/>
                <a:gd name="T66" fmla="*/ 1146 w 2377"/>
                <a:gd name="T67" fmla="*/ 6 h 1976"/>
                <a:gd name="T68" fmla="*/ 1127 w 2377"/>
                <a:gd name="T69" fmla="*/ 25 h 1976"/>
                <a:gd name="T70" fmla="*/ 1128 w 2377"/>
                <a:gd name="T71" fmla="*/ 51 h 1976"/>
                <a:gd name="T72" fmla="*/ 1155 w 2377"/>
                <a:gd name="T73" fmla="*/ 76 h 1976"/>
                <a:gd name="T74" fmla="*/ 1191 w 2377"/>
                <a:gd name="T75" fmla="*/ 98 h 1976"/>
                <a:gd name="T76" fmla="*/ 1227 w 2377"/>
                <a:gd name="T77" fmla="*/ 142 h 1976"/>
                <a:gd name="T78" fmla="*/ 1245 w 2377"/>
                <a:gd name="T79" fmla="*/ 196 h 1976"/>
                <a:gd name="T80" fmla="*/ 1242 w 2377"/>
                <a:gd name="T81" fmla="*/ 248 h 1976"/>
                <a:gd name="T82" fmla="*/ 1206 w 2377"/>
                <a:gd name="T83" fmla="*/ 314 h 1976"/>
                <a:gd name="T84" fmla="*/ 1145 w 2377"/>
                <a:gd name="T85" fmla="*/ 365 h 1976"/>
                <a:gd name="T86" fmla="*/ 1063 w 2377"/>
                <a:gd name="T87" fmla="*/ 391 h 1976"/>
                <a:gd name="T88" fmla="*/ 994 w 2377"/>
                <a:gd name="T89" fmla="*/ 394 h 1976"/>
                <a:gd name="T90" fmla="*/ 907 w 2377"/>
                <a:gd name="T91" fmla="*/ 374 h 1976"/>
                <a:gd name="T92" fmla="*/ 840 w 2377"/>
                <a:gd name="T93" fmla="*/ 329 h 1976"/>
                <a:gd name="T94" fmla="*/ 798 w 2377"/>
                <a:gd name="T95" fmla="*/ 266 h 1976"/>
                <a:gd name="T96" fmla="*/ 788 w 2377"/>
                <a:gd name="T97" fmla="*/ 212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377" h="1976">
                  <a:moveTo>
                    <a:pt x="788" y="212"/>
                  </a:moveTo>
                  <a:lnTo>
                    <a:pt x="788" y="212"/>
                  </a:lnTo>
                  <a:lnTo>
                    <a:pt x="788" y="196"/>
                  </a:lnTo>
                  <a:lnTo>
                    <a:pt x="791" y="179"/>
                  </a:lnTo>
                  <a:lnTo>
                    <a:pt x="795" y="166"/>
                  </a:lnTo>
                  <a:lnTo>
                    <a:pt x="800" y="152"/>
                  </a:lnTo>
                  <a:lnTo>
                    <a:pt x="806" y="142"/>
                  </a:lnTo>
                  <a:lnTo>
                    <a:pt x="813" y="131"/>
                  </a:lnTo>
                  <a:lnTo>
                    <a:pt x="821" y="121"/>
                  </a:lnTo>
                  <a:lnTo>
                    <a:pt x="828" y="113"/>
                  </a:lnTo>
                  <a:lnTo>
                    <a:pt x="843" y="98"/>
                  </a:lnTo>
                  <a:lnTo>
                    <a:pt x="855" y="89"/>
                  </a:lnTo>
                  <a:lnTo>
                    <a:pt x="868" y="82"/>
                  </a:lnTo>
                  <a:lnTo>
                    <a:pt x="868" y="82"/>
                  </a:lnTo>
                  <a:lnTo>
                    <a:pt x="877" y="76"/>
                  </a:lnTo>
                  <a:lnTo>
                    <a:pt x="886" y="70"/>
                  </a:lnTo>
                  <a:lnTo>
                    <a:pt x="894" y="64"/>
                  </a:lnTo>
                  <a:lnTo>
                    <a:pt x="900" y="57"/>
                  </a:lnTo>
                  <a:lnTo>
                    <a:pt x="904" y="51"/>
                  </a:lnTo>
                  <a:lnTo>
                    <a:pt x="907" y="43"/>
                  </a:lnTo>
                  <a:lnTo>
                    <a:pt x="909" y="37"/>
                  </a:lnTo>
                  <a:lnTo>
                    <a:pt x="909" y="31"/>
                  </a:lnTo>
                  <a:lnTo>
                    <a:pt x="907" y="25"/>
                  </a:lnTo>
                  <a:lnTo>
                    <a:pt x="904" y="19"/>
                  </a:lnTo>
                  <a:lnTo>
                    <a:pt x="900" y="13"/>
                  </a:lnTo>
                  <a:lnTo>
                    <a:pt x="894" y="9"/>
                  </a:lnTo>
                  <a:lnTo>
                    <a:pt x="886" y="6"/>
                  </a:lnTo>
                  <a:lnTo>
                    <a:pt x="877" y="3"/>
                  </a:lnTo>
                  <a:lnTo>
                    <a:pt x="867" y="1"/>
                  </a:lnTo>
                  <a:lnTo>
                    <a:pt x="856" y="0"/>
                  </a:lnTo>
                  <a:lnTo>
                    <a:pt x="0" y="0"/>
                  </a:lnTo>
                  <a:lnTo>
                    <a:pt x="0" y="1976"/>
                  </a:lnTo>
                  <a:lnTo>
                    <a:pt x="1979" y="1976"/>
                  </a:lnTo>
                  <a:lnTo>
                    <a:pt x="1979" y="1522"/>
                  </a:lnTo>
                  <a:lnTo>
                    <a:pt x="1980" y="1522"/>
                  </a:lnTo>
                  <a:lnTo>
                    <a:pt x="1980" y="1121"/>
                  </a:lnTo>
                  <a:lnTo>
                    <a:pt x="1980" y="1121"/>
                  </a:lnTo>
                  <a:lnTo>
                    <a:pt x="1982" y="1109"/>
                  </a:lnTo>
                  <a:lnTo>
                    <a:pt x="1983" y="1099"/>
                  </a:lnTo>
                  <a:lnTo>
                    <a:pt x="1986" y="1090"/>
                  </a:lnTo>
                  <a:lnTo>
                    <a:pt x="1989" y="1082"/>
                  </a:lnTo>
                  <a:lnTo>
                    <a:pt x="1994" y="1076"/>
                  </a:lnTo>
                  <a:lnTo>
                    <a:pt x="2000" y="1072"/>
                  </a:lnTo>
                  <a:lnTo>
                    <a:pt x="2004" y="1069"/>
                  </a:lnTo>
                  <a:lnTo>
                    <a:pt x="2010" y="1067"/>
                  </a:lnTo>
                  <a:lnTo>
                    <a:pt x="2018" y="1067"/>
                  </a:lnTo>
                  <a:lnTo>
                    <a:pt x="2024" y="1069"/>
                  </a:lnTo>
                  <a:lnTo>
                    <a:pt x="2031" y="1072"/>
                  </a:lnTo>
                  <a:lnTo>
                    <a:pt x="2037" y="1076"/>
                  </a:lnTo>
                  <a:lnTo>
                    <a:pt x="2045" y="1082"/>
                  </a:lnTo>
                  <a:lnTo>
                    <a:pt x="2051" y="1090"/>
                  </a:lnTo>
                  <a:lnTo>
                    <a:pt x="2057" y="1099"/>
                  </a:lnTo>
                  <a:lnTo>
                    <a:pt x="2063" y="1109"/>
                  </a:lnTo>
                  <a:lnTo>
                    <a:pt x="2063" y="1109"/>
                  </a:lnTo>
                  <a:lnTo>
                    <a:pt x="2070" y="1121"/>
                  </a:lnTo>
                  <a:lnTo>
                    <a:pt x="2079" y="1134"/>
                  </a:lnTo>
                  <a:lnTo>
                    <a:pt x="2093" y="1149"/>
                  </a:lnTo>
                  <a:lnTo>
                    <a:pt x="2102" y="1157"/>
                  </a:lnTo>
                  <a:lnTo>
                    <a:pt x="2111" y="1163"/>
                  </a:lnTo>
                  <a:lnTo>
                    <a:pt x="2121" y="1170"/>
                  </a:lnTo>
                  <a:lnTo>
                    <a:pt x="2133" y="1176"/>
                  </a:lnTo>
                  <a:lnTo>
                    <a:pt x="2146" y="1181"/>
                  </a:lnTo>
                  <a:lnTo>
                    <a:pt x="2160" y="1185"/>
                  </a:lnTo>
                  <a:lnTo>
                    <a:pt x="2175" y="1188"/>
                  </a:lnTo>
                  <a:lnTo>
                    <a:pt x="2191" y="1188"/>
                  </a:lnTo>
                  <a:lnTo>
                    <a:pt x="2191" y="1188"/>
                  </a:lnTo>
                  <a:lnTo>
                    <a:pt x="2211" y="1188"/>
                  </a:lnTo>
                  <a:lnTo>
                    <a:pt x="2229" y="1184"/>
                  </a:lnTo>
                  <a:lnTo>
                    <a:pt x="2247" y="1179"/>
                  </a:lnTo>
                  <a:lnTo>
                    <a:pt x="2263" y="1170"/>
                  </a:lnTo>
                  <a:lnTo>
                    <a:pt x="2279" y="1161"/>
                  </a:lnTo>
                  <a:lnTo>
                    <a:pt x="2294" y="1149"/>
                  </a:lnTo>
                  <a:lnTo>
                    <a:pt x="2309" y="1136"/>
                  </a:lnTo>
                  <a:lnTo>
                    <a:pt x="2321" y="1121"/>
                  </a:lnTo>
                  <a:lnTo>
                    <a:pt x="2333" y="1106"/>
                  </a:lnTo>
                  <a:lnTo>
                    <a:pt x="2345" y="1088"/>
                  </a:lnTo>
                  <a:lnTo>
                    <a:pt x="2354" y="1069"/>
                  </a:lnTo>
                  <a:lnTo>
                    <a:pt x="2362" y="1049"/>
                  </a:lnTo>
                  <a:lnTo>
                    <a:pt x="2368" y="1028"/>
                  </a:lnTo>
                  <a:lnTo>
                    <a:pt x="2372" y="1006"/>
                  </a:lnTo>
                  <a:lnTo>
                    <a:pt x="2375" y="983"/>
                  </a:lnTo>
                  <a:lnTo>
                    <a:pt x="2377" y="960"/>
                  </a:lnTo>
                  <a:lnTo>
                    <a:pt x="2377" y="960"/>
                  </a:lnTo>
                  <a:lnTo>
                    <a:pt x="2375" y="936"/>
                  </a:lnTo>
                  <a:lnTo>
                    <a:pt x="2372" y="913"/>
                  </a:lnTo>
                  <a:lnTo>
                    <a:pt x="2368" y="891"/>
                  </a:lnTo>
                  <a:lnTo>
                    <a:pt x="2362" y="870"/>
                  </a:lnTo>
                  <a:lnTo>
                    <a:pt x="2354" y="850"/>
                  </a:lnTo>
                  <a:lnTo>
                    <a:pt x="2345" y="831"/>
                  </a:lnTo>
                  <a:lnTo>
                    <a:pt x="2333" y="813"/>
                  </a:lnTo>
                  <a:lnTo>
                    <a:pt x="2321" y="797"/>
                  </a:lnTo>
                  <a:lnTo>
                    <a:pt x="2309" y="783"/>
                  </a:lnTo>
                  <a:lnTo>
                    <a:pt x="2294" y="770"/>
                  </a:lnTo>
                  <a:lnTo>
                    <a:pt x="2279" y="758"/>
                  </a:lnTo>
                  <a:lnTo>
                    <a:pt x="2263" y="749"/>
                  </a:lnTo>
                  <a:lnTo>
                    <a:pt x="2247" y="740"/>
                  </a:lnTo>
                  <a:lnTo>
                    <a:pt x="2229" y="735"/>
                  </a:lnTo>
                  <a:lnTo>
                    <a:pt x="2211" y="731"/>
                  </a:lnTo>
                  <a:lnTo>
                    <a:pt x="2191" y="729"/>
                  </a:lnTo>
                  <a:lnTo>
                    <a:pt x="2191" y="729"/>
                  </a:lnTo>
                  <a:lnTo>
                    <a:pt x="2175" y="731"/>
                  </a:lnTo>
                  <a:lnTo>
                    <a:pt x="2160" y="734"/>
                  </a:lnTo>
                  <a:lnTo>
                    <a:pt x="2146" y="737"/>
                  </a:lnTo>
                  <a:lnTo>
                    <a:pt x="2133" y="743"/>
                  </a:lnTo>
                  <a:lnTo>
                    <a:pt x="2121" y="749"/>
                  </a:lnTo>
                  <a:lnTo>
                    <a:pt x="2111" y="755"/>
                  </a:lnTo>
                  <a:lnTo>
                    <a:pt x="2102" y="762"/>
                  </a:lnTo>
                  <a:lnTo>
                    <a:pt x="2093" y="770"/>
                  </a:lnTo>
                  <a:lnTo>
                    <a:pt x="2079" y="785"/>
                  </a:lnTo>
                  <a:lnTo>
                    <a:pt x="2070" y="798"/>
                  </a:lnTo>
                  <a:lnTo>
                    <a:pt x="2063" y="810"/>
                  </a:lnTo>
                  <a:lnTo>
                    <a:pt x="2063" y="810"/>
                  </a:lnTo>
                  <a:lnTo>
                    <a:pt x="2057" y="820"/>
                  </a:lnTo>
                  <a:lnTo>
                    <a:pt x="2051" y="829"/>
                  </a:lnTo>
                  <a:lnTo>
                    <a:pt x="2045" y="837"/>
                  </a:lnTo>
                  <a:lnTo>
                    <a:pt x="2037" y="843"/>
                  </a:lnTo>
                  <a:lnTo>
                    <a:pt x="2031" y="847"/>
                  </a:lnTo>
                  <a:lnTo>
                    <a:pt x="2024" y="850"/>
                  </a:lnTo>
                  <a:lnTo>
                    <a:pt x="2018" y="852"/>
                  </a:lnTo>
                  <a:lnTo>
                    <a:pt x="2010" y="852"/>
                  </a:lnTo>
                  <a:lnTo>
                    <a:pt x="2004" y="850"/>
                  </a:lnTo>
                  <a:lnTo>
                    <a:pt x="2000" y="847"/>
                  </a:lnTo>
                  <a:lnTo>
                    <a:pt x="1994" y="843"/>
                  </a:lnTo>
                  <a:lnTo>
                    <a:pt x="1989" y="837"/>
                  </a:lnTo>
                  <a:lnTo>
                    <a:pt x="1986" y="829"/>
                  </a:lnTo>
                  <a:lnTo>
                    <a:pt x="1983" y="820"/>
                  </a:lnTo>
                  <a:lnTo>
                    <a:pt x="1982" y="810"/>
                  </a:lnTo>
                  <a:lnTo>
                    <a:pt x="1980" y="798"/>
                  </a:lnTo>
                  <a:lnTo>
                    <a:pt x="1980" y="547"/>
                  </a:lnTo>
                  <a:lnTo>
                    <a:pt x="1979" y="547"/>
                  </a:lnTo>
                  <a:lnTo>
                    <a:pt x="1979" y="0"/>
                  </a:lnTo>
                  <a:lnTo>
                    <a:pt x="1178" y="0"/>
                  </a:lnTo>
                  <a:lnTo>
                    <a:pt x="1178" y="0"/>
                  </a:lnTo>
                  <a:lnTo>
                    <a:pt x="1166" y="1"/>
                  </a:lnTo>
                  <a:lnTo>
                    <a:pt x="1155" y="3"/>
                  </a:lnTo>
                  <a:lnTo>
                    <a:pt x="1146" y="6"/>
                  </a:lnTo>
                  <a:lnTo>
                    <a:pt x="1140" y="9"/>
                  </a:lnTo>
                  <a:lnTo>
                    <a:pt x="1134" y="13"/>
                  </a:lnTo>
                  <a:lnTo>
                    <a:pt x="1130" y="19"/>
                  </a:lnTo>
                  <a:lnTo>
                    <a:pt x="1127" y="25"/>
                  </a:lnTo>
                  <a:lnTo>
                    <a:pt x="1125" y="31"/>
                  </a:lnTo>
                  <a:lnTo>
                    <a:pt x="1125" y="37"/>
                  </a:lnTo>
                  <a:lnTo>
                    <a:pt x="1125" y="43"/>
                  </a:lnTo>
                  <a:lnTo>
                    <a:pt x="1128" y="51"/>
                  </a:lnTo>
                  <a:lnTo>
                    <a:pt x="1133" y="57"/>
                  </a:lnTo>
                  <a:lnTo>
                    <a:pt x="1139" y="64"/>
                  </a:lnTo>
                  <a:lnTo>
                    <a:pt x="1146" y="70"/>
                  </a:lnTo>
                  <a:lnTo>
                    <a:pt x="1155" y="76"/>
                  </a:lnTo>
                  <a:lnTo>
                    <a:pt x="1166" y="82"/>
                  </a:lnTo>
                  <a:lnTo>
                    <a:pt x="1166" y="82"/>
                  </a:lnTo>
                  <a:lnTo>
                    <a:pt x="1178" y="89"/>
                  </a:lnTo>
                  <a:lnTo>
                    <a:pt x="1191" y="98"/>
                  </a:lnTo>
                  <a:lnTo>
                    <a:pt x="1206" y="113"/>
                  </a:lnTo>
                  <a:lnTo>
                    <a:pt x="1214" y="121"/>
                  </a:lnTo>
                  <a:lnTo>
                    <a:pt x="1221" y="131"/>
                  </a:lnTo>
                  <a:lnTo>
                    <a:pt x="1227" y="142"/>
                  </a:lnTo>
                  <a:lnTo>
                    <a:pt x="1233" y="152"/>
                  </a:lnTo>
                  <a:lnTo>
                    <a:pt x="1239" y="166"/>
                  </a:lnTo>
                  <a:lnTo>
                    <a:pt x="1242" y="179"/>
                  </a:lnTo>
                  <a:lnTo>
                    <a:pt x="1245" y="196"/>
                  </a:lnTo>
                  <a:lnTo>
                    <a:pt x="1247" y="212"/>
                  </a:lnTo>
                  <a:lnTo>
                    <a:pt x="1247" y="212"/>
                  </a:lnTo>
                  <a:lnTo>
                    <a:pt x="1245" y="230"/>
                  </a:lnTo>
                  <a:lnTo>
                    <a:pt x="1242" y="248"/>
                  </a:lnTo>
                  <a:lnTo>
                    <a:pt x="1236" y="266"/>
                  </a:lnTo>
                  <a:lnTo>
                    <a:pt x="1229" y="282"/>
                  </a:lnTo>
                  <a:lnTo>
                    <a:pt x="1218" y="299"/>
                  </a:lnTo>
                  <a:lnTo>
                    <a:pt x="1206" y="314"/>
                  </a:lnTo>
                  <a:lnTo>
                    <a:pt x="1194" y="329"/>
                  </a:lnTo>
                  <a:lnTo>
                    <a:pt x="1179" y="342"/>
                  </a:lnTo>
                  <a:lnTo>
                    <a:pt x="1163" y="354"/>
                  </a:lnTo>
                  <a:lnTo>
                    <a:pt x="1145" y="365"/>
                  </a:lnTo>
                  <a:lnTo>
                    <a:pt x="1125" y="374"/>
                  </a:lnTo>
                  <a:lnTo>
                    <a:pt x="1106" y="381"/>
                  </a:lnTo>
                  <a:lnTo>
                    <a:pt x="1085" y="387"/>
                  </a:lnTo>
                  <a:lnTo>
                    <a:pt x="1063" y="391"/>
                  </a:lnTo>
                  <a:lnTo>
                    <a:pt x="1040" y="394"/>
                  </a:lnTo>
                  <a:lnTo>
                    <a:pt x="1016" y="396"/>
                  </a:lnTo>
                  <a:lnTo>
                    <a:pt x="1016" y="396"/>
                  </a:lnTo>
                  <a:lnTo>
                    <a:pt x="994" y="394"/>
                  </a:lnTo>
                  <a:lnTo>
                    <a:pt x="970" y="391"/>
                  </a:lnTo>
                  <a:lnTo>
                    <a:pt x="949" y="387"/>
                  </a:lnTo>
                  <a:lnTo>
                    <a:pt x="928" y="381"/>
                  </a:lnTo>
                  <a:lnTo>
                    <a:pt x="907" y="374"/>
                  </a:lnTo>
                  <a:lnTo>
                    <a:pt x="888" y="365"/>
                  </a:lnTo>
                  <a:lnTo>
                    <a:pt x="871" y="354"/>
                  </a:lnTo>
                  <a:lnTo>
                    <a:pt x="855" y="342"/>
                  </a:lnTo>
                  <a:lnTo>
                    <a:pt x="840" y="329"/>
                  </a:lnTo>
                  <a:lnTo>
                    <a:pt x="827" y="314"/>
                  </a:lnTo>
                  <a:lnTo>
                    <a:pt x="815" y="299"/>
                  </a:lnTo>
                  <a:lnTo>
                    <a:pt x="806" y="282"/>
                  </a:lnTo>
                  <a:lnTo>
                    <a:pt x="798" y="266"/>
                  </a:lnTo>
                  <a:lnTo>
                    <a:pt x="792" y="248"/>
                  </a:lnTo>
                  <a:lnTo>
                    <a:pt x="789" y="230"/>
                  </a:lnTo>
                  <a:lnTo>
                    <a:pt x="788" y="212"/>
                  </a:lnTo>
                  <a:lnTo>
                    <a:pt x="788" y="212"/>
                  </a:lnTo>
                  <a:close/>
                </a:path>
              </a:pathLst>
            </a:custGeom>
            <a:solidFill>
              <a:srgbClr val="BADCA2"/>
            </a:solidFill>
            <a:ln w="28575">
              <a:solidFill>
                <a:schemeClr val="bg1">
                  <a:lumMod val="50000"/>
                </a:schemeClr>
              </a:solidFill>
              <a:prstDash val="solid"/>
              <a:round/>
              <a:headEnd/>
              <a:tailEnd/>
            </a:ln>
          </p:spPr>
          <p:txBody>
            <a:bodyPr rIns="324000" anchor="ctr"/>
            <a:lstStyle/>
            <a:p>
              <a:pPr algn="ctr" eaLnBrk="1" hangingPunct="1">
                <a:defRPr/>
              </a:pPr>
              <a:r>
                <a:rPr lang="en-US" dirty="0">
                  <a:cs typeface="Arial" charset="0"/>
                </a:rPr>
                <a:t>HIEs</a:t>
              </a:r>
              <a:endParaRPr lang="en-GB" dirty="0">
                <a:cs typeface="Arial" charset="0"/>
              </a:endParaRPr>
            </a:p>
          </p:txBody>
        </p:sp>
        <p:sp>
          <p:nvSpPr>
            <p:cNvPr id="18" name="Freeform 12">
              <a:extLst>
                <a:ext uri="{FF2B5EF4-FFF2-40B4-BE49-F238E27FC236}">
                  <a16:creationId xmlns:a16="http://schemas.microsoft.com/office/drawing/2014/main" id="{283EA024-BFF2-014E-B11F-DC943C41752B}"/>
                </a:ext>
              </a:extLst>
            </p:cNvPr>
            <p:cNvSpPr>
              <a:spLocks/>
            </p:cNvSpPr>
            <p:nvPr/>
          </p:nvSpPr>
          <p:spPr bwMode="auto">
            <a:xfrm>
              <a:off x="7667625" y="1656584"/>
              <a:ext cx="1887538" cy="1568450"/>
            </a:xfrm>
            <a:custGeom>
              <a:avLst/>
              <a:gdLst>
                <a:gd name="T0" fmla="*/ 1586 w 2377"/>
                <a:gd name="T1" fmla="*/ 1797 h 1975"/>
                <a:gd name="T2" fmla="*/ 1564 w 2377"/>
                <a:gd name="T3" fmla="*/ 1845 h 1975"/>
                <a:gd name="T4" fmla="*/ 1522 w 2377"/>
                <a:gd name="T5" fmla="*/ 1886 h 1975"/>
                <a:gd name="T6" fmla="*/ 1489 w 2377"/>
                <a:gd name="T7" fmla="*/ 1906 h 1975"/>
                <a:gd name="T8" fmla="*/ 1470 w 2377"/>
                <a:gd name="T9" fmla="*/ 1933 h 1975"/>
                <a:gd name="T10" fmla="*/ 1473 w 2377"/>
                <a:gd name="T11" fmla="*/ 1957 h 1975"/>
                <a:gd name="T12" fmla="*/ 1500 w 2377"/>
                <a:gd name="T13" fmla="*/ 1973 h 1975"/>
                <a:gd name="T14" fmla="*/ 2377 w 2377"/>
                <a:gd name="T15" fmla="*/ 0 h 1975"/>
                <a:gd name="T16" fmla="*/ 395 w 2377"/>
                <a:gd name="T17" fmla="*/ 855 h 1975"/>
                <a:gd name="T18" fmla="*/ 390 w 2377"/>
                <a:gd name="T19" fmla="*/ 886 h 1975"/>
                <a:gd name="T20" fmla="*/ 371 w 2377"/>
                <a:gd name="T21" fmla="*/ 907 h 1975"/>
                <a:gd name="T22" fmla="*/ 346 w 2377"/>
                <a:gd name="T23" fmla="*/ 904 h 1975"/>
                <a:gd name="T24" fmla="*/ 320 w 2377"/>
                <a:gd name="T25" fmla="*/ 877 h 1975"/>
                <a:gd name="T26" fmla="*/ 298 w 2377"/>
                <a:gd name="T27" fmla="*/ 842 h 1975"/>
                <a:gd name="T28" fmla="*/ 254 w 2377"/>
                <a:gd name="T29" fmla="*/ 806 h 1975"/>
                <a:gd name="T30" fmla="*/ 201 w 2377"/>
                <a:gd name="T31" fmla="*/ 788 h 1975"/>
                <a:gd name="T32" fmla="*/ 148 w 2377"/>
                <a:gd name="T33" fmla="*/ 792 h 1975"/>
                <a:gd name="T34" fmla="*/ 83 w 2377"/>
                <a:gd name="T35" fmla="*/ 827 h 1975"/>
                <a:gd name="T36" fmla="*/ 32 w 2377"/>
                <a:gd name="T37" fmla="*/ 888 h 1975"/>
                <a:gd name="T38" fmla="*/ 5 w 2377"/>
                <a:gd name="T39" fmla="*/ 970 h 1975"/>
                <a:gd name="T40" fmla="*/ 2 w 2377"/>
                <a:gd name="T41" fmla="*/ 1040 h 1975"/>
                <a:gd name="T42" fmla="*/ 23 w 2377"/>
                <a:gd name="T43" fmla="*/ 1126 h 1975"/>
                <a:gd name="T44" fmla="*/ 68 w 2377"/>
                <a:gd name="T45" fmla="*/ 1193 h 1975"/>
                <a:gd name="T46" fmla="*/ 130 w 2377"/>
                <a:gd name="T47" fmla="*/ 1236 h 1975"/>
                <a:gd name="T48" fmla="*/ 184 w 2377"/>
                <a:gd name="T49" fmla="*/ 1245 h 1975"/>
                <a:gd name="T50" fmla="*/ 243 w 2377"/>
                <a:gd name="T51" fmla="*/ 1233 h 1975"/>
                <a:gd name="T52" fmla="*/ 283 w 2377"/>
                <a:gd name="T53" fmla="*/ 1206 h 1975"/>
                <a:gd name="T54" fmla="*/ 314 w 2377"/>
                <a:gd name="T55" fmla="*/ 1166 h 1975"/>
                <a:gd name="T56" fmla="*/ 340 w 2377"/>
                <a:gd name="T57" fmla="*/ 1133 h 1975"/>
                <a:gd name="T58" fmla="*/ 365 w 2377"/>
                <a:gd name="T59" fmla="*/ 1124 h 1975"/>
                <a:gd name="T60" fmla="*/ 388 w 2377"/>
                <a:gd name="T61" fmla="*/ 1139 h 1975"/>
                <a:gd name="T62" fmla="*/ 395 w 2377"/>
                <a:gd name="T63" fmla="*/ 1178 h 1975"/>
                <a:gd name="T64" fmla="*/ 1199 w 2377"/>
                <a:gd name="T65" fmla="*/ 1975 h 1975"/>
                <a:gd name="T66" fmla="*/ 1229 w 2377"/>
                <a:gd name="T67" fmla="*/ 1970 h 1975"/>
                <a:gd name="T68" fmla="*/ 1250 w 2377"/>
                <a:gd name="T69" fmla="*/ 1951 h 1975"/>
                <a:gd name="T70" fmla="*/ 1247 w 2377"/>
                <a:gd name="T71" fmla="*/ 1925 h 1975"/>
                <a:gd name="T72" fmla="*/ 1222 w 2377"/>
                <a:gd name="T73" fmla="*/ 1900 h 1975"/>
                <a:gd name="T74" fmla="*/ 1186 w 2377"/>
                <a:gd name="T75" fmla="*/ 1878 h 1975"/>
                <a:gd name="T76" fmla="*/ 1150 w 2377"/>
                <a:gd name="T77" fmla="*/ 1834 h 1975"/>
                <a:gd name="T78" fmla="*/ 1132 w 2377"/>
                <a:gd name="T79" fmla="*/ 1780 h 1975"/>
                <a:gd name="T80" fmla="*/ 1135 w 2377"/>
                <a:gd name="T81" fmla="*/ 1728 h 1975"/>
                <a:gd name="T82" fmla="*/ 1169 w 2377"/>
                <a:gd name="T83" fmla="*/ 1662 h 1975"/>
                <a:gd name="T84" fmla="*/ 1232 w 2377"/>
                <a:gd name="T85" fmla="*/ 1611 h 1975"/>
                <a:gd name="T86" fmla="*/ 1314 w 2377"/>
                <a:gd name="T87" fmla="*/ 1585 h 1975"/>
                <a:gd name="T88" fmla="*/ 1383 w 2377"/>
                <a:gd name="T89" fmla="*/ 1582 h 1975"/>
                <a:gd name="T90" fmla="*/ 1470 w 2377"/>
                <a:gd name="T91" fmla="*/ 1602 h 1975"/>
                <a:gd name="T92" fmla="*/ 1537 w 2377"/>
                <a:gd name="T93" fmla="*/ 1647 h 1975"/>
                <a:gd name="T94" fmla="*/ 1579 w 2377"/>
                <a:gd name="T95" fmla="*/ 1710 h 1975"/>
                <a:gd name="T96" fmla="*/ 1589 w 2377"/>
                <a:gd name="T97" fmla="*/ 1764 h 19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2377" h="1975">
                  <a:moveTo>
                    <a:pt x="1589" y="1764"/>
                  </a:moveTo>
                  <a:lnTo>
                    <a:pt x="1589" y="1764"/>
                  </a:lnTo>
                  <a:lnTo>
                    <a:pt x="1588" y="1780"/>
                  </a:lnTo>
                  <a:lnTo>
                    <a:pt x="1586" y="1797"/>
                  </a:lnTo>
                  <a:lnTo>
                    <a:pt x="1582" y="1810"/>
                  </a:lnTo>
                  <a:lnTo>
                    <a:pt x="1577" y="1822"/>
                  </a:lnTo>
                  <a:lnTo>
                    <a:pt x="1571" y="1834"/>
                  </a:lnTo>
                  <a:lnTo>
                    <a:pt x="1564" y="1845"/>
                  </a:lnTo>
                  <a:lnTo>
                    <a:pt x="1556" y="1855"/>
                  </a:lnTo>
                  <a:lnTo>
                    <a:pt x="1549" y="1863"/>
                  </a:lnTo>
                  <a:lnTo>
                    <a:pt x="1534" y="1878"/>
                  </a:lnTo>
                  <a:lnTo>
                    <a:pt x="1522" y="1886"/>
                  </a:lnTo>
                  <a:lnTo>
                    <a:pt x="1509" y="1894"/>
                  </a:lnTo>
                  <a:lnTo>
                    <a:pt x="1509" y="1894"/>
                  </a:lnTo>
                  <a:lnTo>
                    <a:pt x="1498" y="1900"/>
                  </a:lnTo>
                  <a:lnTo>
                    <a:pt x="1489" y="1906"/>
                  </a:lnTo>
                  <a:lnTo>
                    <a:pt x="1483" y="1912"/>
                  </a:lnTo>
                  <a:lnTo>
                    <a:pt x="1477" y="1919"/>
                  </a:lnTo>
                  <a:lnTo>
                    <a:pt x="1473" y="1925"/>
                  </a:lnTo>
                  <a:lnTo>
                    <a:pt x="1470" y="1933"/>
                  </a:lnTo>
                  <a:lnTo>
                    <a:pt x="1468" y="1939"/>
                  </a:lnTo>
                  <a:lnTo>
                    <a:pt x="1468" y="1945"/>
                  </a:lnTo>
                  <a:lnTo>
                    <a:pt x="1470" y="1951"/>
                  </a:lnTo>
                  <a:lnTo>
                    <a:pt x="1473" y="1957"/>
                  </a:lnTo>
                  <a:lnTo>
                    <a:pt x="1477" y="1963"/>
                  </a:lnTo>
                  <a:lnTo>
                    <a:pt x="1483" y="1967"/>
                  </a:lnTo>
                  <a:lnTo>
                    <a:pt x="1491" y="1970"/>
                  </a:lnTo>
                  <a:lnTo>
                    <a:pt x="1500" y="1973"/>
                  </a:lnTo>
                  <a:lnTo>
                    <a:pt x="1509" y="1975"/>
                  </a:lnTo>
                  <a:lnTo>
                    <a:pt x="1521" y="1975"/>
                  </a:lnTo>
                  <a:lnTo>
                    <a:pt x="2377" y="1975"/>
                  </a:lnTo>
                  <a:lnTo>
                    <a:pt x="2377" y="0"/>
                  </a:lnTo>
                  <a:lnTo>
                    <a:pt x="398" y="0"/>
                  </a:lnTo>
                  <a:lnTo>
                    <a:pt x="398" y="454"/>
                  </a:lnTo>
                  <a:lnTo>
                    <a:pt x="395" y="454"/>
                  </a:lnTo>
                  <a:lnTo>
                    <a:pt x="395" y="855"/>
                  </a:lnTo>
                  <a:lnTo>
                    <a:pt x="395" y="855"/>
                  </a:lnTo>
                  <a:lnTo>
                    <a:pt x="395" y="867"/>
                  </a:lnTo>
                  <a:lnTo>
                    <a:pt x="393" y="877"/>
                  </a:lnTo>
                  <a:lnTo>
                    <a:pt x="390" y="886"/>
                  </a:lnTo>
                  <a:lnTo>
                    <a:pt x="388" y="894"/>
                  </a:lnTo>
                  <a:lnTo>
                    <a:pt x="383" y="900"/>
                  </a:lnTo>
                  <a:lnTo>
                    <a:pt x="377" y="904"/>
                  </a:lnTo>
                  <a:lnTo>
                    <a:pt x="371" y="907"/>
                  </a:lnTo>
                  <a:lnTo>
                    <a:pt x="365" y="909"/>
                  </a:lnTo>
                  <a:lnTo>
                    <a:pt x="359" y="909"/>
                  </a:lnTo>
                  <a:lnTo>
                    <a:pt x="353" y="907"/>
                  </a:lnTo>
                  <a:lnTo>
                    <a:pt x="346" y="904"/>
                  </a:lnTo>
                  <a:lnTo>
                    <a:pt x="340" y="900"/>
                  </a:lnTo>
                  <a:lnTo>
                    <a:pt x="332" y="894"/>
                  </a:lnTo>
                  <a:lnTo>
                    <a:pt x="326" y="886"/>
                  </a:lnTo>
                  <a:lnTo>
                    <a:pt x="320" y="877"/>
                  </a:lnTo>
                  <a:lnTo>
                    <a:pt x="314" y="867"/>
                  </a:lnTo>
                  <a:lnTo>
                    <a:pt x="314" y="867"/>
                  </a:lnTo>
                  <a:lnTo>
                    <a:pt x="307" y="855"/>
                  </a:lnTo>
                  <a:lnTo>
                    <a:pt x="298" y="842"/>
                  </a:lnTo>
                  <a:lnTo>
                    <a:pt x="283" y="827"/>
                  </a:lnTo>
                  <a:lnTo>
                    <a:pt x="275" y="819"/>
                  </a:lnTo>
                  <a:lnTo>
                    <a:pt x="265" y="813"/>
                  </a:lnTo>
                  <a:lnTo>
                    <a:pt x="254" y="806"/>
                  </a:lnTo>
                  <a:lnTo>
                    <a:pt x="243" y="800"/>
                  </a:lnTo>
                  <a:lnTo>
                    <a:pt x="231" y="795"/>
                  </a:lnTo>
                  <a:lnTo>
                    <a:pt x="217" y="791"/>
                  </a:lnTo>
                  <a:lnTo>
                    <a:pt x="201" y="788"/>
                  </a:lnTo>
                  <a:lnTo>
                    <a:pt x="184" y="788"/>
                  </a:lnTo>
                  <a:lnTo>
                    <a:pt x="184" y="788"/>
                  </a:lnTo>
                  <a:lnTo>
                    <a:pt x="166" y="788"/>
                  </a:lnTo>
                  <a:lnTo>
                    <a:pt x="148" y="792"/>
                  </a:lnTo>
                  <a:lnTo>
                    <a:pt x="130" y="797"/>
                  </a:lnTo>
                  <a:lnTo>
                    <a:pt x="112" y="806"/>
                  </a:lnTo>
                  <a:lnTo>
                    <a:pt x="98" y="815"/>
                  </a:lnTo>
                  <a:lnTo>
                    <a:pt x="83" y="827"/>
                  </a:lnTo>
                  <a:lnTo>
                    <a:pt x="68" y="840"/>
                  </a:lnTo>
                  <a:lnTo>
                    <a:pt x="54" y="855"/>
                  </a:lnTo>
                  <a:lnTo>
                    <a:pt x="42" y="870"/>
                  </a:lnTo>
                  <a:lnTo>
                    <a:pt x="32" y="888"/>
                  </a:lnTo>
                  <a:lnTo>
                    <a:pt x="23" y="907"/>
                  </a:lnTo>
                  <a:lnTo>
                    <a:pt x="15" y="927"/>
                  </a:lnTo>
                  <a:lnTo>
                    <a:pt x="9" y="948"/>
                  </a:lnTo>
                  <a:lnTo>
                    <a:pt x="5" y="970"/>
                  </a:lnTo>
                  <a:lnTo>
                    <a:pt x="2" y="993"/>
                  </a:lnTo>
                  <a:lnTo>
                    <a:pt x="0" y="1016"/>
                  </a:lnTo>
                  <a:lnTo>
                    <a:pt x="0" y="1016"/>
                  </a:lnTo>
                  <a:lnTo>
                    <a:pt x="2" y="1040"/>
                  </a:lnTo>
                  <a:lnTo>
                    <a:pt x="5" y="1063"/>
                  </a:lnTo>
                  <a:lnTo>
                    <a:pt x="9" y="1085"/>
                  </a:lnTo>
                  <a:lnTo>
                    <a:pt x="15" y="1106"/>
                  </a:lnTo>
                  <a:lnTo>
                    <a:pt x="23" y="1126"/>
                  </a:lnTo>
                  <a:lnTo>
                    <a:pt x="32" y="1145"/>
                  </a:lnTo>
                  <a:lnTo>
                    <a:pt x="42" y="1163"/>
                  </a:lnTo>
                  <a:lnTo>
                    <a:pt x="54" y="1179"/>
                  </a:lnTo>
                  <a:lnTo>
                    <a:pt x="68" y="1193"/>
                  </a:lnTo>
                  <a:lnTo>
                    <a:pt x="83" y="1206"/>
                  </a:lnTo>
                  <a:lnTo>
                    <a:pt x="98" y="1218"/>
                  </a:lnTo>
                  <a:lnTo>
                    <a:pt x="112" y="1227"/>
                  </a:lnTo>
                  <a:lnTo>
                    <a:pt x="130" y="1236"/>
                  </a:lnTo>
                  <a:lnTo>
                    <a:pt x="148" y="1241"/>
                  </a:lnTo>
                  <a:lnTo>
                    <a:pt x="166" y="1245"/>
                  </a:lnTo>
                  <a:lnTo>
                    <a:pt x="184" y="1245"/>
                  </a:lnTo>
                  <a:lnTo>
                    <a:pt x="184" y="1245"/>
                  </a:lnTo>
                  <a:lnTo>
                    <a:pt x="201" y="1245"/>
                  </a:lnTo>
                  <a:lnTo>
                    <a:pt x="217" y="1242"/>
                  </a:lnTo>
                  <a:lnTo>
                    <a:pt x="231" y="1239"/>
                  </a:lnTo>
                  <a:lnTo>
                    <a:pt x="243" y="1233"/>
                  </a:lnTo>
                  <a:lnTo>
                    <a:pt x="254" y="1227"/>
                  </a:lnTo>
                  <a:lnTo>
                    <a:pt x="265" y="1220"/>
                  </a:lnTo>
                  <a:lnTo>
                    <a:pt x="275" y="1214"/>
                  </a:lnTo>
                  <a:lnTo>
                    <a:pt x="283" y="1206"/>
                  </a:lnTo>
                  <a:lnTo>
                    <a:pt x="298" y="1191"/>
                  </a:lnTo>
                  <a:lnTo>
                    <a:pt x="307" y="1178"/>
                  </a:lnTo>
                  <a:lnTo>
                    <a:pt x="314" y="1166"/>
                  </a:lnTo>
                  <a:lnTo>
                    <a:pt x="314" y="1166"/>
                  </a:lnTo>
                  <a:lnTo>
                    <a:pt x="320" y="1155"/>
                  </a:lnTo>
                  <a:lnTo>
                    <a:pt x="326" y="1147"/>
                  </a:lnTo>
                  <a:lnTo>
                    <a:pt x="332" y="1139"/>
                  </a:lnTo>
                  <a:lnTo>
                    <a:pt x="340" y="1133"/>
                  </a:lnTo>
                  <a:lnTo>
                    <a:pt x="346" y="1129"/>
                  </a:lnTo>
                  <a:lnTo>
                    <a:pt x="353" y="1126"/>
                  </a:lnTo>
                  <a:lnTo>
                    <a:pt x="359" y="1124"/>
                  </a:lnTo>
                  <a:lnTo>
                    <a:pt x="365" y="1124"/>
                  </a:lnTo>
                  <a:lnTo>
                    <a:pt x="371" y="1126"/>
                  </a:lnTo>
                  <a:lnTo>
                    <a:pt x="377" y="1129"/>
                  </a:lnTo>
                  <a:lnTo>
                    <a:pt x="383" y="1133"/>
                  </a:lnTo>
                  <a:lnTo>
                    <a:pt x="388" y="1139"/>
                  </a:lnTo>
                  <a:lnTo>
                    <a:pt x="390" y="1147"/>
                  </a:lnTo>
                  <a:lnTo>
                    <a:pt x="393" y="1155"/>
                  </a:lnTo>
                  <a:lnTo>
                    <a:pt x="395" y="1166"/>
                  </a:lnTo>
                  <a:lnTo>
                    <a:pt x="395" y="1178"/>
                  </a:lnTo>
                  <a:lnTo>
                    <a:pt x="395" y="1429"/>
                  </a:lnTo>
                  <a:lnTo>
                    <a:pt x="398" y="1429"/>
                  </a:lnTo>
                  <a:lnTo>
                    <a:pt x="398" y="1975"/>
                  </a:lnTo>
                  <a:lnTo>
                    <a:pt x="1199" y="1975"/>
                  </a:lnTo>
                  <a:lnTo>
                    <a:pt x="1199" y="1975"/>
                  </a:lnTo>
                  <a:lnTo>
                    <a:pt x="1211" y="1975"/>
                  </a:lnTo>
                  <a:lnTo>
                    <a:pt x="1220" y="1973"/>
                  </a:lnTo>
                  <a:lnTo>
                    <a:pt x="1229" y="1970"/>
                  </a:lnTo>
                  <a:lnTo>
                    <a:pt x="1237" y="1967"/>
                  </a:lnTo>
                  <a:lnTo>
                    <a:pt x="1242" y="1963"/>
                  </a:lnTo>
                  <a:lnTo>
                    <a:pt x="1247" y="1957"/>
                  </a:lnTo>
                  <a:lnTo>
                    <a:pt x="1250" y="1951"/>
                  </a:lnTo>
                  <a:lnTo>
                    <a:pt x="1251" y="1945"/>
                  </a:lnTo>
                  <a:lnTo>
                    <a:pt x="1251" y="1939"/>
                  </a:lnTo>
                  <a:lnTo>
                    <a:pt x="1250" y="1933"/>
                  </a:lnTo>
                  <a:lnTo>
                    <a:pt x="1247" y="1925"/>
                  </a:lnTo>
                  <a:lnTo>
                    <a:pt x="1242" y="1919"/>
                  </a:lnTo>
                  <a:lnTo>
                    <a:pt x="1238" y="1912"/>
                  </a:lnTo>
                  <a:lnTo>
                    <a:pt x="1231" y="1906"/>
                  </a:lnTo>
                  <a:lnTo>
                    <a:pt x="1222" y="1900"/>
                  </a:lnTo>
                  <a:lnTo>
                    <a:pt x="1211" y="1894"/>
                  </a:lnTo>
                  <a:lnTo>
                    <a:pt x="1211" y="1894"/>
                  </a:lnTo>
                  <a:lnTo>
                    <a:pt x="1198" y="1886"/>
                  </a:lnTo>
                  <a:lnTo>
                    <a:pt x="1186" y="1878"/>
                  </a:lnTo>
                  <a:lnTo>
                    <a:pt x="1171" y="1863"/>
                  </a:lnTo>
                  <a:lnTo>
                    <a:pt x="1163" y="1855"/>
                  </a:lnTo>
                  <a:lnTo>
                    <a:pt x="1156" y="1845"/>
                  </a:lnTo>
                  <a:lnTo>
                    <a:pt x="1150" y="1834"/>
                  </a:lnTo>
                  <a:lnTo>
                    <a:pt x="1142" y="1822"/>
                  </a:lnTo>
                  <a:lnTo>
                    <a:pt x="1138" y="1810"/>
                  </a:lnTo>
                  <a:lnTo>
                    <a:pt x="1133" y="1797"/>
                  </a:lnTo>
                  <a:lnTo>
                    <a:pt x="1132" y="1780"/>
                  </a:lnTo>
                  <a:lnTo>
                    <a:pt x="1130" y="1764"/>
                  </a:lnTo>
                  <a:lnTo>
                    <a:pt x="1130" y="1764"/>
                  </a:lnTo>
                  <a:lnTo>
                    <a:pt x="1132" y="1746"/>
                  </a:lnTo>
                  <a:lnTo>
                    <a:pt x="1135" y="1728"/>
                  </a:lnTo>
                  <a:lnTo>
                    <a:pt x="1141" y="1710"/>
                  </a:lnTo>
                  <a:lnTo>
                    <a:pt x="1148" y="1692"/>
                  </a:lnTo>
                  <a:lnTo>
                    <a:pt x="1159" y="1677"/>
                  </a:lnTo>
                  <a:lnTo>
                    <a:pt x="1169" y="1662"/>
                  </a:lnTo>
                  <a:lnTo>
                    <a:pt x="1183" y="1647"/>
                  </a:lnTo>
                  <a:lnTo>
                    <a:pt x="1198" y="1634"/>
                  </a:lnTo>
                  <a:lnTo>
                    <a:pt x="1214" y="1622"/>
                  </a:lnTo>
                  <a:lnTo>
                    <a:pt x="1232" y="1611"/>
                  </a:lnTo>
                  <a:lnTo>
                    <a:pt x="1250" y="1602"/>
                  </a:lnTo>
                  <a:lnTo>
                    <a:pt x="1271" y="1595"/>
                  </a:lnTo>
                  <a:lnTo>
                    <a:pt x="1292" y="1589"/>
                  </a:lnTo>
                  <a:lnTo>
                    <a:pt x="1314" y="1585"/>
                  </a:lnTo>
                  <a:lnTo>
                    <a:pt x="1337" y="1582"/>
                  </a:lnTo>
                  <a:lnTo>
                    <a:pt x="1361" y="1580"/>
                  </a:lnTo>
                  <a:lnTo>
                    <a:pt x="1361" y="1580"/>
                  </a:lnTo>
                  <a:lnTo>
                    <a:pt x="1383" y="1582"/>
                  </a:lnTo>
                  <a:lnTo>
                    <a:pt x="1405" y="1585"/>
                  </a:lnTo>
                  <a:lnTo>
                    <a:pt x="1428" y="1589"/>
                  </a:lnTo>
                  <a:lnTo>
                    <a:pt x="1449" y="1595"/>
                  </a:lnTo>
                  <a:lnTo>
                    <a:pt x="1470" y="1602"/>
                  </a:lnTo>
                  <a:lnTo>
                    <a:pt x="1488" y="1611"/>
                  </a:lnTo>
                  <a:lnTo>
                    <a:pt x="1506" y="1622"/>
                  </a:lnTo>
                  <a:lnTo>
                    <a:pt x="1522" y="1634"/>
                  </a:lnTo>
                  <a:lnTo>
                    <a:pt x="1537" y="1647"/>
                  </a:lnTo>
                  <a:lnTo>
                    <a:pt x="1550" y="1662"/>
                  </a:lnTo>
                  <a:lnTo>
                    <a:pt x="1561" y="1677"/>
                  </a:lnTo>
                  <a:lnTo>
                    <a:pt x="1571" y="1692"/>
                  </a:lnTo>
                  <a:lnTo>
                    <a:pt x="1579" y="1710"/>
                  </a:lnTo>
                  <a:lnTo>
                    <a:pt x="1585" y="1728"/>
                  </a:lnTo>
                  <a:lnTo>
                    <a:pt x="1588" y="1746"/>
                  </a:lnTo>
                  <a:lnTo>
                    <a:pt x="1589" y="1764"/>
                  </a:lnTo>
                  <a:lnTo>
                    <a:pt x="1589" y="1764"/>
                  </a:lnTo>
                  <a:close/>
                </a:path>
              </a:pathLst>
            </a:custGeom>
            <a:solidFill>
              <a:schemeClr val="accent6">
                <a:lumMod val="40000"/>
                <a:lumOff val="60000"/>
              </a:schemeClr>
            </a:solidFill>
            <a:ln w="28575">
              <a:solidFill>
                <a:schemeClr val="bg1">
                  <a:lumMod val="50000"/>
                </a:schemeClr>
              </a:solidFill>
              <a:prstDash val="solid"/>
              <a:round/>
              <a:headEnd/>
              <a:tailEnd/>
            </a:ln>
          </p:spPr>
          <p:txBody>
            <a:bodyPr lIns="360000" anchor="ctr"/>
            <a:lstStyle/>
            <a:p>
              <a:pPr algn="ctr" eaLnBrk="1" hangingPunct="1">
                <a:defRPr/>
              </a:pPr>
              <a:r>
                <a:rPr lang="en-US" dirty="0">
                  <a:cs typeface="Arial" charset="0"/>
                </a:rPr>
                <a:t>COVID 19</a:t>
              </a:r>
              <a:endParaRPr lang="en-GB" dirty="0">
                <a:cs typeface="Arial" charset="0"/>
              </a:endParaRPr>
            </a:p>
          </p:txBody>
        </p:sp>
        <p:sp>
          <p:nvSpPr>
            <p:cNvPr id="19" name="Freeform 13">
              <a:extLst>
                <a:ext uri="{FF2B5EF4-FFF2-40B4-BE49-F238E27FC236}">
                  <a16:creationId xmlns:a16="http://schemas.microsoft.com/office/drawing/2014/main" id="{5E70DAF1-E87F-2242-953D-21747025E21F}"/>
                </a:ext>
              </a:extLst>
            </p:cNvPr>
            <p:cNvSpPr>
              <a:spLocks/>
            </p:cNvSpPr>
            <p:nvPr/>
          </p:nvSpPr>
          <p:spPr bwMode="auto">
            <a:xfrm>
              <a:off x="7985125" y="4480746"/>
              <a:ext cx="1570038" cy="1885950"/>
            </a:xfrm>
            <a:custGeom>
              <a:avLst/>
              <a:gdLst>
                <a:gd name="T0" fmla="*/ 179 w 1976"/>
                <a:gd name="T1" fmla="*/ 1584 h 2375"/>
                <a:gd name="T2" fmla="*/ 130 w 1976"/>
                <a:gd name="T3" fmla="*/ 1563 h 2375"/>
                <a:gd name="T4" fmla="*/ 88 w 1976"/>
                <a:gd name="T5" fmla="*/ 1520 h 2375"/>
                <a:gd name="T6" fmla="*/ 70 w 1976"/>
                <a:gd name="T7" fmla="*/ 1489 h 2375"/>
                <a:gd name="T8" fmla="*/ 43 w 1976"/>
                <a:gd name="T9" fmla="*/ 1468 h 2375"/>
                <a:gd name="T10" fmla="*/ 18 w 1976"/>
                <a:gd name="T11" fmla="*/ 1472 h 2375"/>
                <a:gd name="T12" fmla="*/ 1 w 1976"/>
                <a:gd name="T13" fmla="*/ 1498 h 2375"/>
                <a:gd name="T14" fmla="*/ 1976 w 1976"/>
                <a:gd name="T15" fmla="*/ 2375 h 2375"/>
                <a:gd name="T16" fmla="*/ 1120 w 1976"/>
                <a:gd name="T17" fmla="*/ 394 h 2375"/>
                <a:gd name="T18" fmla="*/ 1088 w 1976"/>
                <a:gd name="T19" fmla="*/ 390 h 2375"/>
                <a:gd name="T20" fmla="*/ 1069 w 1976"/>
                <a:gd name="T21" fmla="*/ 370 h 2375"/>
                <a:gd name="T22" fmla="*/ 1070 w 1976"/>
                <a:gd name="T23" fmla="*/ 345 h 2375"/>
                <a:gd name="T24" fmla="*/ 1097 w 1976"/>
                <a:gd name="T25" fmla="*/ 318 h 2375"/>
                <a:gd name="T26" fmla="*/ 1133 w 1976"/>
                <a:gd name="T27" fmla="*/ 296 h 2375"/>
                <a:gd name="T28" fmla="*/ 1169 w 1976"/>
                <a:gd name="T29" fmla="*/ 254 h 2375"/>
                <a:gd name="T30" fmla="*/ 1187 w 1976"/>
                <a:gd name="T31" fmla="*/ 200 h 2375"/>
                <a:gd name="T32" fmla="*/ 1184 w 1976"/>
                <a:gd name="T33" fmla="*/ 146 h 2375"/>
                <a:gd name="T34" fmla="*/ 1149 w 1976"/>
                <a:gd name="T35" fmla="*/ 80 h 2375"/>
                <a:gd name="T36" fmla="*/ 1087 w 1976"/>
                <a:gd name="T37" fmla="*/ 31 h 2375"/>
                <a:gd name="T38" fmla="*/ 1004 w 1976"/>
                <a:gd name="T39" fmla="*/ 3 h 2375"/>
                <a:gd name="T40" fmla="*/ 936 w 1976"/>
                <a:gd name="T41" fmla="*/ 1 h 2375"/>
                <a:gd name="T42" fmla="*/ 849 w 1976"/>
                <a:gd name="T43" fmla="*/ 22 h 2375"/>
                <a:gd name="T44" fmla="*/ 782 w 1976"/>
                <a:gd name="T45" fmla="*/ 67 h 2375"/>
                <a:gd name="T46" fmla="*/ 740 w 1976"/>
                <a:gd name="T47" fmla="*/ 130 h 2375"/>
                <a:gd name="T48" fmla="*/ 729 w 1976"/>
                <a:gd name="T49" fmla="*/ 184 h 2375"/>
                <a:gd name="T50" fmla="*/ 741 w 1976"/>
                <a:gd name="T51" fmla="*/ 242 h 2375"/>
                <a:gd name="T52" fmla="*/ 770 w 1976"/>
                <a:gd name="T53" fmla="*/ 282 h 2375"/>
                <a:gd name="T54" fmla="*/ 810 w 1976"/>
                <a:gd name="T55" fmla="*/ 314 h 2375"/>
                <a:gd name="T56" fmla="*/ 841 w 1976"/>
                <a:gd name="T57" fmla="*/ 338 h 2375"/>
                <a:gd name="T58" fmla="*/ 850 w 1976"/>
                <a:gd name="T59" fmla="*/ 364 h 2375"/>
                <a:gd name="T60" fmla="*/ 836 w 1976"/>
                <a:gd name="T61" fmla="*/ 385 h 2375"/>
                <a:gd name="T62" fmla="*/ 798 w 1976"/>
                <a:gd name="T63" fmla="*/ 394 h 2375"/>
                <a:gd name="T64" fmla="*/ 0 w 1976"/>
                <a:gd name="T65" fmla="*/ 1199 h 2375"/>
                <a:gd name="T66" fmla="*/ 4 w 1976"/>
                <a:gd name="T67" fmla="*/ 1228 h 2375"/>
                <a:gd name="T68" fmla="*/ 24 w 1976"/>
                <a:gd name="T69" fmla="*/ 1249 h 2375"/>
                <a:gd name="T70" fmla="*/ 49 w 1976"/>
                <a:gd name="T71" fmla="*/ 1246 h 2375"/>
                <a:gd name="T72" fmla="*/ 76 w 1976"/>
                <a:gd name="T73" fmla="*/ 1219 h 2375"/>
                <a:gd name="T74" fmla="*/ 99 w 1976"/>
                <a:gd name="T75" fmla="*/ 1185 h 2375"/>
                <a:gd name="T76" fmla="*/ 140 w 1976"/>
                <a:gd name="T77" fmla="*/ 1148 h 2375"/>
                <a:gd name="T78" fmla="*/ 194 w 1976"/>
                <a:gd name="T79" fmla="*/ 1130 h 2375"/>
                <a:gd name="T80" fmla="*/ 248 w 1976"/>
                <a:gd name="T81" fmla="*/ 1134 h 2375"/>
                <a:gd name="T82" fmla="*/ 314 w 1976"/>
                <a:gd name="T83" fmla="*/ 1169 h 2375"/>
                <a:gd name="T84" fmla="*/ 363 w 1976"/>
                <a:gd name="T85" fmla="*/ 1230 h 2375"/>
                <a:gd name="T86" fmla="*/ 392 w 1976"/>
                <a:gd name="T87" fmla="*/ 1312 h 2375"/>
                <a:gd name="T88" fmla="*/ 393 w 1976"/>
                <a:gd name="T89" fmla="*/ 1382 h 2375"/>
                <a:gd name="T90" fmla="*/ 372 w 1976"/>
                <a:gd name="T91" fmla="*/ 1468 h 2375"/>
                <a:gd name="T92" fmla="*/ 327 w 1976"/>
                <a:gd name="T93" fmla="*/ 1536 h 2375"/>
                <a:gd name="T94" fmla="*/ 265 w 1976"/>
                <a:gd name="T95" fmla="*/ 1578 h 2375"/>
                <a:gd name="T96" fmla="*/ 211 w 1976"/>
                <a:gd name="T97" fmla="*/ 1589 h 23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76" h="2375">
                  <a:moveTo>
                    <a:pt x="211" y="1589"/>
                  </a:moveTo>
                  <a:lnTo>
                    <a:pt x="211" y="1589"/>
                  </a:lnTo>
                  <a:lnTo>
                    <a:pt x="194" y="1587"/>
                  </a:lnTo>
                  <a:lnTo>
                    <a:pt x="179" y="1584"/>
                  </a:lnTo>
                  <a:lnTo>
                    <a:pt x="164" y="1581"/>
                  </a:lnTo>
                  <a:lnTo>
                    <a:pt x="152" y="1575"/>
                  </a:lnTo>
                  <a:lnTo>
                    <a:pt x="140" y="1569"/>
                  </a:lnTo>
                  <a:lnTo>
                    <a:pt x="130" y="1563"/>
                  </a:lnTo>
                  <a:lnTo>
                    <a:pt x="121" y="1556"/>
                  </a:lnTo>
                  <a:lnTo>
                    <a:pt x="112" y="1548"/>
                  </a:lnTo>
                  <a:lnTo>
                    <a:pt x="99" y="1533"/>
                  </a:lnTo>
                  <a:lnTo>
                    <a:pt x="88" y="1520"/>
                  </a:lnTo>
                  <a:lnTo>
                    <a:pt x="81" y="1508"/>
                  </a:lnTo>
                  <a:lnTo>
                    <a:pt x="81" y="1508"/>
                  </a:lnTo>
                  <a:lnTo>
                    <a:pt x="76" y="1498"/>
                  </a:lnTo>
                  <a:lnTo>
                    <a:pt x="70" y="1489"/>
                  </a:lnTo>
                  <a:lnTo>
                    <a:pt x="63" y="1481"/>
                  </a:lnTo>
                  <a:lnTo>
                    <a:pt x="57" y="1475"/>
                  </a:lnTo>
                  <a:lnTo>
                    <a:pt x="49" y="1471"/>
                  </a:lnTo>
                  <a:lnTo>
                    <a:pt x="43" y="1468"/>
                  </a:lnTo>
                  <a:lnTo>
                    <a:pt x="36" y="1468"/>
                  </a:lnTo>
                  <a:lnTo>
                    <a:pt x="30" y="1468"/>
                  </a:lnTo>
                  <a:lnTo>
                    <a:pt x="24" y="1469"/>
                  </a:lnTo>
                  <a:lnTo>
                    <a:pt x="18" y="1472"/>
                  </a:lnTo>
                  <a:lnTo>
                    <a:pt x="13" y="1477"/>
                  </a:lnTo>
                  <a:lnTo>
                    <a:pt x="9" y="1483"/>
                  </a:lnTo>
                  <a:lnTo>
                    <a:pt x="4" y="1489"/>
                  </a:lnTo>
                  <a:lnTo>
                    <a:pt x="1" y="1498"/>
                  </a:lnTo>
                  <a:lnTo>
                    <a:pt x="0" y="1508"/>
                  </a:lnTo>
                  <a:lnTo>
                    <a:pt x="0" y="1520"/>
                  </a:lnTo>
                  <a:lnTo>
                    <a:pt x="0" y="2375"/>
                  </a:lnTo>
                  <a:lnTo>
                    <a:pt x="1976" y="2375"/>
                  </a:lnTo>
                  <a:lnTo>
                    <a:pt x="1976" y="396"/>
                  </a:lnTo>
                  <a:lnTo>
                    <a:pt x="1522" y="396"/>
                  </a:lnTo>
                  <a:lnTo>
                    <a:pt x="1522" y="394"/>
                  </a:lnTo>
                  <a:lnTo>
                    <a:pt x="1120" y="394"/>
                  </a:lnTo>
                  <a:lnTo>
                    <a:pt x="1120" y="394"/>
                  </a:lnTo>
                  <a:lnTo>
                    <a:pt x="1108" y="394"/>
                  </a:lnTo>
                  <a:lnTo>
                    <a:pt x="1097" y="393"/>
                  </a:lnTo>
                  <a:lnTo>
                    <a:pt x="1088" y="390"/>
                  </a:lnTo>
                  <a:lnTo>
                    <a:pt x="1082" y="385"/>
                  </a:lnTo>
                  <a:lnTo>
                    <a:pt x="1076" y="381"/>
                  </a:lnTo>
                  <a:lnTo>
                    <a:pt x="1072" y="376"/>
                  </a:lnTo>
                  <a:lnTo>
                    <a:pt x="1069" y="370"/>
                  </a:lnTo>
                  <a:lnTo>
                    <a:pt x="1067" y="364"/>
                  </a:lnTo>
                  <a:lnTo>
                    <a:pt x="1067" y="358"/>
                  </a:lnTo>
                  <a:lnTo>
                    <a:pt x="1067" y="351"/>
                  </a:lnTo>
                  <a:lnTo>
                    <a:pt x="1070" y="345"/>
                  </a:lnTo>
                  <a:lnTo>
                    <a:pt x="1075" y="338"/>
                  </a:lnTo>
                  <a:lnTo>
                    <a:pt x="1081" y="332"/>
                  </a:lnTo>
                  <a:lnTo>
                    <a:pt x="1088" y="324"/>
                  </a:lnTo>
                  <a:lnTo>
                    <a:pt x="1097" y="318"/>
                  </a:lnTo>
                  <a:lnTo>
                    <a:pt x="1108" y="314"/>
                  </a:lnTo>
                  <a:lnTo>
                    <a:pt x="1108" y="314"/>
                  </a:lnTo>
                  <a:lnTo>
                    <a:pt x="1120" y="306"/>
                  </a:lnTo>
                  <a:lnTo>
                    <a:pt x="1133" y="296"/>
                  </a:lnTo>
                  <a:lnTo>
                    <a:pt x="1148" y="282"/>
                  </a:lnTo>
                  <a:lnTo>
                    <a:pt x="1155" y="273"/>
                  </a:lnTo>
                  <a:lnTo>
                    <a:pt x="1163" y="264"/>
                  </a:lnTo>
                  <a:lnTo>
                    <a:pt x="1169" y="254"/>
                  </a:lnTo>
                  <a:lnTo>
                    <a:pt x="1175" y="242"/>
                  </a:lnTo>
                  <a:lnTo>
                    <a:pt x="1181" y="230"/>
                  </a:lnTo>
                  <a:lnTo>
                    <a:pt x="1184" y="215"/>
                  </a:lnTo>
                  <a:lnTo>
                    <a:pt x="1187" y="200"/>
                  </a:lnTo>
                  <a:lnTo>
                    <a:pt x="1188" y="184"/>
                  </a:lnTo>
                  <a:lnTo>
                    <a:pt x="1188" y="184"/>
                  </a:lnTo>
                  <a:lnTo>
                    <a:pt x="1187" y="166"/>
                  </a:lnTo>
                  <a:lnTo>
                    <a:pt x="1184" y="146"/>
                  </a:lnTo>
                  <a:lnTo>
                    <a:pt x="1178" y="130"/>
                  </a:lnTo>
                  <a:lnTo>
                    <a:pt x="1170" y="112"/>
                  </a:lnTo>
                  <a:lnTo>
                    <a:pt x="1160" y="95"/>
                  </a:lnTo>
                  <a:lnTo>
                    <a:pt x="1149" y="80"/>
                  </a:lnTo>
                  <a:lnTo>
                    <a:pt x="1136" y="67"/>
                  </a:lnTo>
                  <a:lnTo>
                    <a:pt x="1121" y="53"/>
                  </a:lnTo>
                  <a:lnTo>
                    <a:pt x="1105" y="42"/>
                  </a:lnTo>
                  <a:lnTo>
                    <a:pt x="1087" y="31"/>
                  </a:lnTo>
                  <a:lnTo>
                    <a:pt x="1067" y="22"/>
                  </a:lnTo>
                  <a:lnTo>
                    <a:pt x="1048" y="15"/>
                  </a:lnTo>
                  <a:lnTo>
                    <a:pt x="1027" y="7"/>
                  </a:lnTo>
                  <a:lnTo>
                    <a:pt x="1004" y="3"/>
                  </a:lnTo>
                  <a:lnTo>
                    <a:pt x="982" y="1"/>
                  </a:lnTo>
                  <a:lnTo>
                    <a:pt x="958" y="0"/>
                  </a:lnTo>
                  <a:lnTo>
                    <a:pt x="958" y="0"/>
                  </a:lnTo>
                  <a:lnTo>
                    <a:pt x="936" y="1"/>
                  </a:lnTo>
                  <a:lnTo>
                    <a:pt x="912" y="3"/>
                  </a:lnTo>
                  <a:lnTo>
                    <a:pt x="891" y="7"/>
                  </a:lnTo>
                  <a:lnTo>
                    <a:pt x="870" y="15"/>
                  </a:lnTo>
                  <a:lnTo>
                    <a:pt x="849" y="22"/>
                  </a:lnTo>
                  <a:lnTo>
                    <a:pt x="830" y="31"/>
                  </a:lnTo>
                  <a:lnTo>
                    <a:pt x="813" y="42"/>
                  </a:lnTo>
                  <a:lnTo>
                    <a:pt x="797" y="53"/>
                  </a:lnTo>
                  <a:lnTo>
                    <a:pt x="782" y="67"/>
                  </a:lnTo>
                  <a:lnTo>
                    <a:pt x="768" y="80"/>
                  </a:lnTo>
                  <a:lnTo>
                    <a:pt x="756" y="95"/>
                  </a:lnTo>
                  <a:lnTo>
                    <a:pt x="747" y="112"/>
                  </a:lnTo>
                  <a:lnTo>
                    <a:pt x="740" y="130"/>
                  </a:lnTo>
                  <a:lnTo>
                    <a:pt x="734" y="146"/>
                  </a:lnTo>
                  <a:lnTo>
                    <a:pt x="731" y="166"/>
                  </a:lnTo>
                  <a:lnTo>
                    <a:pt x="729" y="184"/>
                  </a:lnTo>
                  <a:lnTo>
                    <a:pt x="729" y="184"/>
                  </a:lnTo>
                  <a:lnTo>
                    <a:pt x="729" y="200"/>
                  </a:lnTo>
                  <a:lnTo>
                    <a:pt x="732" y="215"/>
                  </a:lnTo>
                  <a:lnTo>
                    <a:pt x="737" y="230"/>
                  </a:lnTo>
                  <a:lnTo>
                    <a:pt x="741" y="242"/>
                  </a:lnTo>
                  <a:lnTo>
                    <a:pt x="747" y="254"/>
                  </a:lnTo>
                  <a:lnTo>
                    <a:pt x="755" y="264"/>
                  </a:lnTo>
                  <a:lnTo>
                    <a:pt x="762" y="273"/>
                  </a:lnTo>
                  <a:lnTo>
                    <a:pt x="770" y="282"/>
                  </a:lnTo>
                  <a:lnTo>
                    <a:pt x="785" y="296"/>
                  </a:lnTo>
                  <a:lnTo>
                    <a:pt x="797" y="306"/>
                  </a:lnTo>
                  <a:lnTo>
                    <a:pt x="810" y="314"/>
                  </a:lnTo>
                  <a:lnTo>
                    <a:pt x="810" y="314"/>
                  </a:lnTo>
                  <a:lnTo>
                    <a:pt x="819" y="318"/>
                  </a:lnTo>
                  <a:lnTo>
                    <a:pt x="828" y="324"/>
                  </a:lnTo>
                  <a:lnTo>
                    <a:pt x="836" y="332"/>
                  </a:lnTo>
                  <a:lnTo>
                    <a:pt x="841" y="338"/>
                  </a:lnTo>
                  <a:lnTo>
                    <a:pt x="846" y="345"/>
                  </a:lnTo>
                  <a:lnTo>
                    <a:pt x="849" y="351"/>
                  </a:lnTo>
                  <a:lnTo>
                    <a:pt x="850" y="358"/>
                  </a:lnTo>
                  <a:lnTo>
                    <a:pt x="850" y="364"/>
                  </a:lnTo>
                  <a:lnTo>
                    <a:pt x="849" y="370"/>
                  </a:lnTo>
                  <a:lnTo>
                    <a:pt x="846" y="376"/>
                  </a:lnTo>
                  <a:lnTo>
                    <a:pt x="841" y="381"/>
                  </a:lnTo>
                  <a:lnTo>
                    <a:pt x="836" y="385"/>
                  </a:lnTo>
                  <a:lnTo>
                    <a:pt x="828" y="390"/>
                  </a:lnTo>
                  <a:lnTo>
                    <a:pt x="819" y="393"/>
                  </a:lnTo>
                  <a:lnTo>
                    <a:pt x="809" y="394"/>
                  </a:lnTo>
                  <a:lnTo>
                    <a:pt x="798" y="394"/>
                  </a:lnTo>
                  <a:lnTo>
                    <a:pt x="547" y="394"/>
                  </a:lnTo>
                  <a:lnTo>
                    <a:pt x="547" y="396"/>
                  </a:lnTo>
                  <a:lnTo>
                    <a:pt x="0" y="396"/>
                  </a:lnTo>
                  <a:lnTo>
                    <a:pt x="0" y="1199"/>
                  </a:lnTo>
                  <a:lnTo>
                    <a:pt x="0" y="1199"/>
                  </a:lnTo>
                  <a:lnTo>
                    <a:pt x="0" y="1209"/>
                  </a:lnTo>
                  <a:lnTo>
                    <a:pt x="1" y="1219"/>
                  </a:lnTo>
                  <a:lnTo>
                    <a:pt x="4" y="1228"/>
                  </a:lnTo>
                  <a:lnTo>
                    <a:pt x="9" y="1236"/>
                  </a:lnTo>
                  <a:lnTo>
                    <a:pt x="13" y="1242"/>
                  </a:lnTo>
                  <a:lnTo>
                    <a:pt x="18" y="1246"/>
                  </a:lnTo>
                  <a:lnTo>
                    <a:pt x="24" y="1249"/>
                  </a:lnTo>
                  <a:lnTo>
                    <a:pt x="30" y="1251"/>
                  </a:lnTo>
                  <a:lnTo>
                    <a:pt x="36" y="1251"/>
                  </a:lnTo>
                  <a:lnTo>
                    <a:pt x="43" y="1249"/>
                  </a:lnTo>
                  <a:lnTo>
                    <a:pt x="49" y="1246"/>
                  </a:lnTo>
                  <a:lnTo>
                    <a:pt x="57" y="1242"/>
                  </a:lnTo>
                  <a:lnTo>
                    <a:pt x="63" y="1236"/>
                  </a:lnTo>
                  <a:lnTo>
                    <a:pt x="70" y="1228"/>
                  </a:lnTo>
                  <a:lnTo>
                    <a:pt x="76" y="1219"/>
                  </a:lnTo>
                  <a:lnTo>
                    <a:pt x="81" y="1211"/>
                  </a:lnTo>
                  <a:lnTo>
                    <a:pt x="81" y="1211"/>
                  </a:lnTo>
                  <a:lnTo>
                    <a:pt x="88" y="1197"/>
                  </a:lnTo>
                  <a:lnTo>
                    <a:pt x="99" y="1185"/>
                  </a:lnTo>
                  <a:lnTo>
                    <a:pt x="112" y="1170"/>
                  </a:lnTo>
                  <a:lnTo>
                    <a:pt x="121" y="1163"/>
                  </a:lnTo>
                  <a:lnTo>
                    <a:pt x="130" y="1155"/>
                  </a:lnTo>
                  <a:lnTo>
                    <a:pt x="140" y="1148"/>
                  </a:lnTo>
                  <a:lnTo>
                    <a:pt x="152" y="1142"/>
                  </a:lnTo>
                  <a:lnTo>
                    <a:pt x="164" y="1137"/>
                  </a:lnTo>
                  <a:lnTo>
                    <a:pt x="179" y="1133"/>
                  </a:lnTo>
                  <a:lnTo>
                    <a:pt x="194" y="1130"/>
                  </a:lnTo>
                  <a:lnTo>
                    <a:pt x="211" y="1130"/>
                  </a:lnTo>
                  <a:lnTo>
                    <a:pt x="211" y="1130"/>
                  </a:lnTo>
                  <a:lnTo>
                    <a:pt x="229" y="1131"/>
                  </a:lnTo>
                  <a:lnTo>
                    <a:pt x="248" y="1134"/>
                  </a:lnTo>
                  <a:lnTo>
                    <a:pt x="265" y="1140"/>
                  </a:lnTo>
                  <a:lnTo>
                    <a:pt x="282" y="1148"/>
                  </a:lnTo>
                  <a:lnTo>
                    <a:pt x="299" y="1157"/>
                  </a:lnTo>
                  <a:lnTo>
                    <a:pt x="314" y="1169"/>
                  </a:lnTo>
                  <a:lnTo>
                    <a:pt x="327" y="1182"/>
                  </a:lnTo>
                  <a:lnTo>
                    <a:pt x="341" y="1197"/>
                  </a:lnTo>
                  <a:lnTo>
                    <a:pt x="353" y="1214"/>
                  </a:lnTo>
                  <a:lnTo>
                    <a:pt x="363" y="1230"/>
                  </a:lnTo>
                  <a:lnTo>
                    <a:pt x="372" y="1249"/>
                  </a:lnTo>
                  <a:lnTo>
                    <a:pt x="380" y="1270"/>
                  </a:lnTo>
                  <a:lnTo>
                    <a:pt x="387" y="1291"/>
                  </a:lnTo>
                  <a:lnTo>
                    <a:pt x="392" y="1312"/>
                  </a:lnTo>
                  <a:lnTo>
                    <a:pt x="393" y="1336"/>
                  </a:lnTo>
                  <a:lnTo>
                    <a:pt x="395" y="1359"/>
                  </a:lnTo>
                  <a:lnTo>
                    <a:pt x="395" y="1359"/>
                  </a:lnTo>
                  <a:lnTo>
                    <a:pt x="393" y="1382"/>
                  </a:lnTo>
                  <a:lnTo>
                    <a:pt x="392" y="1405"/>
                  </a:lnTo>
                  <a:lnTo>
                    <a:pt x="387" y="1427"/>
                  </a:lnTo>
                  <a:lnTo>
                    <a:pt x="380" y="1448"/>
                  </a:lnTo>
                  <a:lnTo>
                    <a:pt x="372" y="1468"/>
                  </a:lnTo>
                  <a:lnTo>
                    <a:pt x="363" y="1487"/>
                  </a:lnTo>
                  <a:lnTo>
                    <a:pt x="353" y="1505"/>
                  </a:lnTo>
                  <a:lnTo>
                    <a:pt x="341" y="1521"/>
                  </a:lnTo>
                  <a:lnTo>
                    <a:pt x="327" y="1536"/>
                  </a:lnTo>
                  <a:lnTo>
                    <a:pt x="314" y="1548"/>
                  </a:lnTo>
                  <a:lnTo>
                    <a:pt x="299" y="1560"/>
                  </a:lnTo>
                  <a:lnTo>
                    <a:pt x="282" y="1571"/>
                  </a:lnTo>
                  <a:lnTo>
                    <a:pt x="265" y="1578"/>
                  </a:lnTo>
                  <a:lnTo>
                    <a:pt x="248" y="1584"/>
                  </a:lnTo>
                  <a:lnTo>
                    <a:pt x="229" y="1587"/>
                  </a:lnTo>
                  <a:lnTo>
                    <a:pt x="211" y="1589"/>
                  </a:lnTo>
                  <a:lnTo>
                    <a:pt x="211" y="1589"/>
                  </a:lnTo>
                  <a:close/>
                </a:path>
              </a:pathLst>
            </a:custGeom>
            <a:solidFill>
              <a:schemeClr val="accent6">
                <a:lumMod val="40000"/>
                <a:lumOff val="60000"/>
              </a:schemeClr>
            </a:solidFill>
            <a:ln w="28575">
              <a:solidFill>
                <a:schemeClr val="bg1">
                  <a:lumMod val="50000"/>
                </a:schemeClr>
              </a:solidFill>
              <a:prstDash val="solid"/>
              <a:round/>
              <a:headEnd/>
              <a:tailEnd/>
            </a:ln>
          </p:spPr>
          <p:txBody>
            <a:bodyPr lIns="324000" tIns="288000" anchor="ctr"/>
            <a:lstStyle/>
            <a:p>
              <a:pPr algn="ctr" eaLnBrk="1" hangingPunct="1">
                <a:defRPr/>
              </a:pPr>
              <a:r>
                <a:rPr lang="en-US" dirty="0">
                  <a:cs typeface="Arial" charset="0"/>
                </a:rPr>
                <a:t>Alzheimer’s</a:t>
              </a:r>
            </a:p>
            <a:p>
              <a:pPr algn="ctr" eaLnBrk="1" hangingPunct="1">
                <a:defRPr/>
              </a:pPr>
              <a:r>
                <a:rPr lang="en-US" dirty="0">
                  <a:cs typeface="Arial" charset="0"/>
                </a:rPr>
                <a:t>&amp; Dementia</a:t>
              </a:r>
              <a:endParaRPr lang="en-GB" dirty="0">
                <a:cs typeface="Arial" charset="0"/>
              </a:endParaRPr>
            </a:p>
          </p:txBody>
        </p:sp>
        <p:sp>
          <p:nvSpPr>
            <p:cNvPr id="20" name="Freeform 9">
              <a:extLst>
                <a:ext uri="{FF2B5EF4-FFF2-40B4-BE49-F238E27FC236}">
                  <a16:creationId xmlns:a16="http://schemas.microsoft.com/office/drawing/2014/main" id="{FA4F1D57-1219-C649-B277-B2C9532B6350}"/>
                </a:ext>
              </a:extLst>
            </p:cNvPr>
            <p:cNvSpPr>
              <a:spLocks/>
            </p:cNvSpPr>
            <p:nvPr/>
          </p:nvSpPr>
          <p:spPr bwMode="auto">
            <a:xfrm>
              <a:off x="6099176"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accent4">
                <a:lumMod val="60000"/>
                <a:lumOff val="4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Chronic </a:t>
              </a:r>
            </a:p>
            <a:p>
              <a:pPr algn="ctr" eaLnBrk="1" hangingPunct="1">
                <a:defRPr/>
              </a:pPr>
              <a:r>
                <a:rPr lang="en-US" dirty="0">
                  <a:cs typeface="Arial" charset="0"/>
                </a:rPr>
                <a:t>Pain &amp; </a:t>
              </a:r>
            </a:p>
            <a:p>
              <a:pPr algn="ctr" eaLnBrk="1" hangingPunct="1">
                <a:defRPr/>
              </a:pPr>
              <a:r>
                <a:rPr lang="en-US" dirty="0">
                  <a:cs typeface="Arial" charset="0"/>
                </a:rPr>
                <a:t>Opioids</a:t>
              </a:r>
              <a:endParaRPr lang="en-GB" dirty="0">
                <a:cs typeface="Arial" charset="0"/>
              </a:endParaRPr>
            </a:p>
          </p:txBody>
        </p:sp>
        <p:sp>
          <p:nvSpPr>
            <p:cNvPr id="21" name="Freeform 7">
              <a:extLst>
                <a:ext uri="{FF2B5EF4-FFF2-40B4-BE49-F238E27FC236}">
                  <a16:creationId xmlns:a16="http://schemas.microsoft.com/office/drawing/2014/main" id="{3BA6BAE4-DFF8-D043-90BF-F735D49540B0}"/>
                </a:ext>
              </a:extLst>
            </p:cNvPr>
            <p:cNvSpPr>
              <a:spLocks/>
            </p:cNvSpPr>
            <p:nvPr/>
          </p:nvSpPr>
          <p:spPr bwMode="auto">
            <a:xfrm>
              <a:off x="4841082"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accent4">
                <a:lumMod val="60000"/>
                <a:lumOff val="40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Type 2 </a:t>
              </a:r>
            </a:p>
            <a:p>
              <a:pPr algn="ctr" eaLnBrk="1" hangingPunct="1">
                <a:defRPr/>
              </a:pPr>
              <a:r>
                <a:rPr lang="en-US" dirty="0">
                  <a:cs typeface="Arial" charset="0"/>
                </a:rPr>
                <a:t>Diabetes</a:t>
              </a:r>
              <a:endParaRPr lang="en-GB" dirty="0">
                <a:cs typeface="Arial" charset="0"/>
              </a:endParaRPr>
            </a:p>
          </p:txBody>
        </p:sp>
        <p:sp>
          <p:nvSpPr>
            <p:cNvPr id="22" name="Freeform 8">
              <a:extLst>
                <a:ext uri="{FF2B5EF4-FFF2-40B4-BE49-F238E27FC236}">
                  <a16:creationId xmlns:a16="http://schemas.microsoft.com/office/drawing/2014/main" id="{1294D12A-BF11-0C47-BFE1-6788B283E98F}"/>
                </a:ext>
              </a:extLst>
            </p:cNvPr>
            <p:cNvSpPr>
              <a:spLocks/>
            </p:cNvSpPr>
            <p:nvPr/>
          </p:nvSpPr>
          <p:spPr bwMode="auto">
            <a:xfrm>
              <a:off x="4517232" y="1656584"/>
              <a:ext cx="1885950" cy="1882775"/>
            </a:xfrm>
            <a:custGeom>
              <a:avLst/>
              <a:gdLst>
                <a:gd name="T0" fmla="*/ 2222 w 2377"/>
                <a:gd name="T1" fmla="*/ 795 h 2371"/>
                <a:gd name="T2" fmla="*/ 2275 w 2377"/>
                <a:gd name="T3" fmla="*/ 827 h 2371"/>
                <a:gd name="T4" fmla="*/ 2314 w 2377"/>
                <a:gd name="T5" fmla="*/ 882 h 2371"/>
                <a:gd name="T6" fmla="*/ 2362 w 2377"/>
                <a:gd name="T7" fmla="*/ 907 h 2371"/>
                <a:gd name="T8" fmla="*/ 395 w 2377"/>
                <a:gd name="T9" fmla="*/ 855 h 2371"/>
                <a:gd name="T10" fmla="*/ 386 w 2377"/>
                <a:gd name="T11" fmla="*/ 892 h 2371"/>
                <a:gd name="T12" fmla="*/ 358 w 2377"/>
                <a:gd name="T13" fmla="*/ 907 h 2371"/>
                <a:gd name="T14" fmla="*/ 325 w 2377"/>
                <a:gd name="T15" fmla="*/ 886 h 2371"/>
                <a:gd name="T16" fmla="*/ 296 w 2377"/>
                <a:gd name="T17" fmla="*/ 842 h 2371"/>
                <a:gd name="T18" fmla="*/ 242 w 2377"/>
                <a:gd name="T19" fmla="*/ 800 h 2371"/>
                <a:gd name="T20" fmla="*/ 184 w 2377"/>
                <a:gd name="T21" fmla="*/ 786 h 2371"/>
                <a:gd name="T22" fmla="*/ 96 w 2377"/>
                <a:gd name="T23" fmla="*/ 815 h 2371"/>
                <a:gd name="T24" fmla="*/ 32 w 2377"/>
                <a:gd name="T25" fmla="*/ 888 h 2371"/>
                <a:gd name="T26" fmla="*/ 0 w 2377"/>
                <a:gd name="T27" fmla="*/ 993 h 2371"/>
                <a:gd name="T28" fmla="*/ 8 w 2377"/>
                <a:gd name="T29" fmla="*/ 1084 h 2371"/>
                <a:gd name="T30" fmla="*/ 54 w 2377"/>
                <a:gd name="T31" fmla="*/ 1178 h 2371"/>
                <a:gd name="T32" fmla="*/ 129 w 2377"/>
                <a:gd name="T33" fmla="*/ 1235 h 2371"/>
                <a:gd name="T34" fmla="*/ 201 w 2377"/>
                <a:gd name="T35" fmla="*/ 1245 h 2371"/>
                <a:gd name="T36" fmla="*/ 265 w 2377"/>
                <a:gd name="T37" fmla="*/ 1220 h 2371"/>
                <a:gd name="T38" fmla="*/ 313 w 2377"/>
                <a:gd name="T39" fmla="*/ 1164 h 2371"/>
                <a:gd name="T40" fmla="*/ 338 w 2377"/>
                <a:gd name="T41" fmla="*/ 1133 h 2371"/>
                <a:gd name="T42" fmla="*/ 371 w 2377"/>
                <a:gd name="T43" fmla="*/ 1126 h 2371"/>
                <a:gd name="T44" fmla="*/ 392 w 2377"/>
                <a:gd name="T45" fmla="*/ 1155 h 2371"/>
                <a:gd name="T46" fmla="*/ 1256 w 2377"/>
                <a:gd name="T47" fmla="*/ 1976 h 2371"/>
                <a:gd name="T48" fmla="*/ 1298 w 2377"/>
                <a:gd name="T49" fmla="*/ 1990 h 2371"/>
                <a:gd name="T50" fmla="*/ 1305 w 2377"/>
                <a:gd name="T51" fmla="*/ 2020 h 2371"/>
                <a:gd name="T52" fmla="*/ 1275 w 2377"/>
                <a:gd name="T53" fmla="*/ 2052 h 2371"/>
                <a:gd name="T54" fmla="*/ 1225 w 2377"/>
                <a:gd name="T55" fmla="*/ 2088 h 2371"/>
                <a:gd name="T56" fmla="*/ 1193 w 2377"/>
                <a:gd name="T57" fmla="*/ 2141 h 2371"/>
                <a:gd name="T58" fmla="*/ 1186 w 2377"/>
                <a:gd name="T59" fmla="*/ 2206 h 2371"/>
                <a:gd name="T60" fmla="*/ 1225 w 2377"/>
                <a:gd name="T61" fmla="*/ 2290 h 2371"/>
                <a:gd name="T62" fmla="*/ 1305 w 2377"/>
                <a:gd name="T63" fmla="*/ 2348 h 2371"/>
                <a:gd name="T64" fmla="*/ 1414 w 2377"/>
                <a:gd name="T65" fmla="*/ 2371 h 2371"/>
                <a:gd name="T66" fmla="*/ 1504 w 2377"/>
                <a:gd name="T67" fmla="*/ 2357 h 2371"/>
                <a:gd name="T68" fmla="*/ 1591 w 2377"/>
                <a:gd name="T69" fmla="*/ 2304 h 2371"/>
                <a:gd name="T70" fmla="*/ 1639 w 2377"/>
                <a:gd name="T71" fmla="*/ 2224 h 2371"/>
                <a:gd name="T72" fmla="*/ 1640 w 2377"/>
                <a:gd name="T73" fmla="*/ 2156 h 2371"/>
                <a:gd name="T74" fmla="*/ 1612 w 2377"/>
                <a:gd name="T75" fmla="*/ 2097 h 2371"/>
                <a:gd name="T76" fmla="*/ 1564 w 2377"/>
                <a:gd name="T77" fmla="*/ 2057 h 2371"/>
                <a:gd name="T78" fmla="*/ 1526 w 2377"/>
                <a:gd name="T79" fmla="*/ 2026 h 2371"/>
                <a:gd name="T80" fmla="*/ 1526 w 2377"/>
                <a:gd name="T81" fmla="*/ 1994 h 2371"/>
                <a:gd name="T82" fmla="*/ 1564 w 2377"/>
                <a:gd name="T83" fmla="*/ 1976 h 2371"/>
                <a:gd name="T84" fmla="*/ 2370 w 2377"/>
                <a:gd name="T85" fmla="*/ 1130 h 2371"/>
                <a:gd name="T86" fmla="*/ 2323 w 2377"/>
                <a:gd name="T87" fmla="*/ 1139 h 2371"/>
                <a:gd name="T88" fmla="*/ 2289 w 2377"/>
                <a:gd name="T89" fmla="*/ 1191 h 2371"/>
                <a:gd name="T90" fmla="*/ 2235 w 2377"/>
                <a:gd name="T91" fmla="*/ 1233 h 2371"/>
                <a:gd name="T92" fmla="*/ 2177 w 2377"/>
                <a:gd name="T93" fmla="*/ 1245 h 2371"/>
                <a:gd name="T94" fmla="*/ 2089 w 2377"/>
                <a:gd name="T95" fmla="*/ 1218 h 2371"/>
                <a:gd name="T96" fmla="*/ 2024 w 2377"/>
                <a:gd name="T97" fmla="*/ 1145 h 2371"/>
                <a:gd name="T98" fmla="*/ 1993 w 2377"/>
                <a:gd name="T99" fmla="*/ 1040 h 2371"/>
                <a:gd name="T100" fmla="*/ 2000 w 2377"/>
                <a:gd name="T101" fmla="*/ 948 h 2371"/>
                <a:gd name="T102" fmla="*/ 2047 w 2377"/>
                <a:gd name="T103" fmla="*/ 855 h 2371"/>
                <a:gd name="T104" fmla="*/ 2121 w 2377"/>
                <a:gd name="T105" fmla="*/ 797 h 2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7" h="2371">
                  <a:moveTo>
                    <a:pt x="2177" y="788"/>
                  </a:moveTo>
                  <a:lnTo>
                    <a:pt x="2177" y="788"/>
                  </a:lnTo>
                  <a:lnTo>
                    <a:pt x="2193" y="788"/>
                  </a:lnTo>
                  <a:lnTo>
                    <a:pt x="2208" y="791"/>
                  </a:lnTo>
                  <a:lnTo>
                    <a:pt x="2222" y="795"/>
                  </a:lnTo>
                  <a:lnTo>
                    <a:pt x="2235" y="800"/>
                  </a:lnTo>
                  <a:lnTo>
                    <a:pt x="2247" y="806"/>
                  </a:lnTo>
                  <a:lnTo>
                    <a:pt x="2257" y="813"/>
                  </a:lnTo>
                  <a:lnTo>
                    <a:pt x="2266" y="819"/>
                  </a:lnTo>
                  <a:lnTo>
                    <a:pt x="2275" y="827"/>
                  </a:lnTo>
                  <a:lnTo>
                    <a:pt x="2289" y="842"/>
                  </a:lnTo>
                  <a:lnTo>
                    <a:pt x="2298" y="855"/>
                  </a:lnTo>
                  <a:lnTo>
                    <a:pt x="2305" y="867"/>
                  </a:lnTo>
                  <a:lnTo>
                    <a:pt x="2305" y="867"/>
                  </a:lnTo>
                  <a:lnTo>
                    <a:pt x="2314" y="882"/>
                  </a:lnTo>
                  <a:lnTo>
                    <a:pt x="2323" y="894"/>
                  </a:lnTo>
                  <a:lnTo>
                    <a:pt x="2334" y="901"/>
                  </a:lnTo>
                  <a:lnTo>
                    <a:pt x="2343" y="907"/>
                  </a:lnTo>
                  <a:lnTo>
                    <a:pt x="2353" y="909"/>
                  </a:lnTo>
                  <a:lnTo>
                    <a:pt x="2362" y="907"/>
                  </a:lnTo>
                  <a:lnTo>
                    <a:pt x="2370" y="903"/>
                  </a:lnTo>
                  <a:lnTo>
                    <a:pt x="2377" y="895"/>
                  </a:lnTo>
                  <a:lnTo>
                    <a:pt x="2377" y="0"/>
                  </a:lnTo>
                  <a:lnTo>
                    <a:pt x="395" y="0"/>
                  </a:lnTo>
                  <a:lnTo>
                    <a:pt x="395" y="855"/>
                  </a:lnTo>
                  <a:lnTo>
                    <a:pt x="395" y="855"/>
                  </a:lnTo>
                  <a:lnTo>
                    <a:pt x="393" y="867"/>
                  </a:lnTo>
                  <a:lnTo>
                    <a:pt x="392" y="877"/>
                  </a:lnTo>
                  <a:lnTo>
                    <a:pt x="389" y="886"/>
                  </a:lnTo>
                  <a:lnTo>
                    <a:pt x="386" y="892"/>
                  </a:lnTo>
                  <a:lnTo>
                    <a:pt x="382" y="898"/>
                  </a:lnTo>
                  <a:lnTo>
                    <a:pt x="377" y="903"/>
                  </a:lnTo>
                  <a:lnTo>
                    <a:pt x="371" y="906"/>
                  </a:lnTo>
                  <a:lnTo>
                    <a:pt x="365" y="907"/>
                  </a:lnTo>
                  <a:lnTo>
                    <a:pt x="358" y="907"/>
                  </a:lnTo>
                  <a:lnTo>
                    <a:pt x="352" y="907"/>
                  </a:lnTo>
                  <a:lnTo>
                    <a:pt x="344" y="904"/>
                  </a:lnTo>
                  <a:lnTo>
                    <a:pt x="338" y="900"/>
                  </a:lnTo>
                  <a:lnTo>
                    <a:pt x="331" y="894"/>
                  </a:lnTo>
                  <a:lnTo>
                    <a:pt x="325" y="886"/>
                  </a:lnTo>
                  <a:lnTo>
                    <a:pt x="319" y="877"/>
                  </a:lnTo>
                  <a:lnTo>
                    <a:pt x="313" y="867"/>
                  </a:lnTo>
                  <a:lnTo>
                    <a:pt x="313" y="867"/>
                  </a:lnTo>
                  <a:lnTo>
                    <a:pt x="305" y="855"/>
                  </a:lnTo>
                  <a:lnTo>
                    <a:pt x="296" y="842"/>
                  </a:lnTo>
                  <a:lnTo>
                    <a:pt x="283" y="827"/>
                  </a:lnTo>
                  <a:lnTo>
                    <a:pt x="274" y="819"/>
                  </a:lnTo>
                  <a:lnTo>
                    <a:pt x="265" y="812"/>
                  </a:lnTo>
                  <a:lnTo>
                    <a:pt x="254" y="806"/>
                  </a:lnTo>
                  <a:lnTo>
                    <a:pt x="242" y="800"/>
                  </a:lnTo>
                  <a:lnTo>
                    <a:pt x="229" y="794"/>
                  </a:lnTo>
                  <a:lnTo>
                    <a:pt x="216" y="791"/>
                  </a:lnTo>
                  <a:lnTo>
                    <a:pt x="201" y="788"/>
                  </a:lnTo>
                  <a:lnTo>
                    <a:pt x="184" y="786"/>
                  </a:lnTo>
                  <a:lnTo>
                    <a:pt x="184" y="786"/>
                  </a:lnTo>
                  <a:lnTo>
                    <a:pt x="165" y="788"/>
                  </a:lnTo>
                  <a:lnTo>
                    <a:pt x="147" y="791"/>
                  </a:lnTo>
                  <a:lnTo>
                    <a:pt x="129" y="797"/>
                  </a:lnTo>
                  <a:lnTo>
                    <a:pt x="112" y="804"/>
                  </a:lnTo>
                  <a:lnTo>
                    <a:pt x="96" y="815"/>
                  </a:lnTo>
                  <a:lnTo>
                    <a:pt x="81" y="825"/>
                  </a:lnTo>
                  <a:lnTo>
                    <a:pt x="66" y="839"/>
                  </a:lnTo>
                  <a:lnTo>
                    <a:pt x="54" y="854"/>
                  </a:lnTo>
                  <a:lnTo>
                    <a:pt x="42" y="870"/>
                  </a:lnTo>
                  <a:lnTo>
                    <a:pt x="32" y="888"/>
                  </a:lnTo>
                  <a:lnTo>
                    <a:pt x="21" y="907"/>
                  </a:lnTo>
                  <a:lnTo>
                    <a:pt x="14" y="927"/>
                  </a:lnTo>
                  <a:lnTo>
                    <a:pt x="8" y="948"/>
                  </a:lnTo>
                  <a:lnTo>
                    <a:pt x="3" y="970"/>
                  </a:lnTo>
                  <a:lnTo>
                    <a:pt x="0" y="993"/>
                  </a:lnTo>
                  <a:lnTo>
                    <a:pt x="0" y="1016"/>
                  </a:lnTo>
                  <a:lnTo>
                    <a:pt x="0" y="1016"/>
                  </a:lnTo>
                  <a:lnTo>
                    <a:pt x="0" y="1039"/>
                  </a:lnTo>
                  <a:lnTo>
                    <a:pt x="3" y="1063"/>
                  </a:lnTo>
                  <a:lnTo>
                    <a:pt x="8" y="1084"/>
                  </a:lnTo>
                  <a:lnTo>
                    <a:pt x="14" y="1105"/>
                  </a:lnTo>
                  <a:lnTo>
                    <a:pt x="21" y="1126"/>
                  </a:lnTo>
                  <a:lnTo>
                    <a:pt x="32" y="1145"/>
                  </a:lnTo>
                  <a:lnTo>
                    <a:pt x="42" y="1161"/>
                  </a:lnTo>
                  <a:lnTo>
                    <a:pt x="54" y="1178"/>
                  </a:lnTo>
                  <a:lnTo>
                    <a:pt x="66" y="1193"/>
                  </a:lnTo>
                  <a:lnTo>
                    <a:pt x="81" y="1206"/>
                  </a:lnTo>
                  <a:lnTo>
                    <a:pt x="96" y="1218"/>
                  </a:lnTo>
                  <a:lnTo>
                    <a:pt x="112" y="1227"/>
                  </a:lnTo>
                  <a:lnTo>
                    <a:pt x="129" y="1235"/>
                  </a:lnTo>
                  <a:lnTo>
                    <a:pt x="147" y="1241"/>
                  </a:lnTo>
                  <a:lnTo>
                    <a:pt x="165" y="1244"/>
                  </a:lnTo>
                  <a:lnTo>
                    <a:pt x="184" y="1245"/>
                  </a:lnTo>
                  <a:lnTo>
                    <a:pt x="184" y="1245"/>
                  </a:lnTo>
                  <a:lnTo>
                    <a:pt x="201" y="1245"/>
                  </a:lnTo>
                  <a:lnTo>
                    <a:pt x="216" y="1242"/>
                  </a:lnTo>
                  <a:lnTo>
                    <a:pt x="229" y="1238"/>
                  </a:lnTo>
                  <a:lnTo>
                    <a:pt x="242" y="1233"/>
                  </a:lnTo>
                  <a:lnTo>
                    <a:pt x="254" y="1227"/>
                  </a:lnTo>
                  <a:lnTo>
                    <a:pt x="265" y="1220"/>
                  </a:lnTo>
                  <a:lnTo>
                    <a:pt x="274" y="1212"/>
                  </a:lnTo>
                  <a:lnTo>
                    <a:pt x="283" y="1205"/>
                  </a:lnTo>
                  <a:lnTo>
                    <a:pt x="296" y="1190"/>
                  </a:lnTo>
                  <a:lnTo>
                    <a:pt x="305" y="1178"/>
                  </a:lnTo>
                  <a:lnTo>
                    <a:pt x="313" y="1164"/>
                  </a:lnTo>
                  <a:lnTo>
                    <a:pt x="313" y="1164"/>
                  </a:lnTo>
                  <a:lnTo>
                    <a:pt x="319" y="1155"/>
                  </a:lnTo>
                  <a:lnTo>
                    <a:pt x="325" y="1147"/>
                  </a:lnTo>
                  <a:lnTo>
                    <a:pt x="331" y="1139"/>
                  </a:lnTo>
                  <a:lnTo>
                    <a:pt x="338" y="1133"/>
                  </a:lnTo>
                  <a:lnTo>
                    <a:pt x="344" y="1129"/>
                  </a:lnTo>
                  <a:lnTo>
                    <a:pt x="352" y="1126"/>
                  </a:lnTo>
                  <a:lnTo>
                    <a:pt x="358" y="1124"/>
                  </a:lnTo>
                  <a:lnTo>
                    <a:pt x="365" y="1124"/>
                  </a:lnTo>
                  <a:lnTo>
                    <a:pt x="371" y="1126"/>
                  </a:lnTo>
                  <a:lnTo>
                    <a:pt x="377" y="1129"/>
                  </a:lnTo>
                  <a:lnTo>
                    <a:pt x="382" y="1133"/>
                  </a:lnTo>
                  <a:lnTo>
                    <a:pt x="386" y="1139"/>
                  </a:lnTo>
                  <a:lnTo>
                    <a:pt x="389" y="1147"/>
                  </a:lnTo>
                  <a:lnTo>
                    <a:pt x="392" y="1155"/>
                  </a:lnTo>
                  <a:lnTo>
                    <a:pt x="393" y="1166"/>
                  </a:lnTo>
                  <a:lnTo>
                    <a:pt x="395" y="1176"/>
                  </a:lnTo>
                  <a:lnTo>
                    <a:pt x="395" y="1979"/>
                  </a:lnTo>
                  <a:lnTo>
                    <a:pt x="1256" y="1976"/>
                  </a:lnTo>
                  <a:lnTo>
                    <a:pt x="1256" y="1976"/>
                  </a:lnTo>
                  <a:lnTo>
                    <a:pt x="1266" y="1978"/>
                  </a:lnTo>
                  <a:lnTo>
                    <a:pt x="1277" y="1979"/>
                  </a:lnTo>
                  <a:lnTo>
                    <a:pt x="1286" y="1982"/>
                  </a:lnTo>
                  <a:lnTo>
                    <a:pt x="1292" y="1985"/>
                  </a:lnTo>
                  <a:lnTo>
                    <a:pt x="1298" y="1990"/>
                  </a:lnTo>
                  <a:lnTo>
                    <a:pt x="1302" y="1996"/>
                  </a:lnTo>
                  <a:lnTo>
                    <a:pt x="1305" y="2000"/>
                  </a:lnTo>
                  <a:lnTo>
                    <a:pt x="1307" y="2006"/>
                  </a:lnTo>
                  <a:lnTo>
                    <a:pt x="1307" y="2014"/>
                  </a:lnTo>
                  <a:lnTo>
                    <a:pt x="1305" y="2020"/>
                  </a:lnTo>
                  <a:lnTo>
                    <a:pt x="1302" y="2027"/>
                  </a:lnTo>
                  <a:lnTo>
                    <a:pt x="1298" y="2033"/>
                  </a:lnTo>
                  <a:lnTo>
                    <a:pt x="1292" y="2040"/>
                  </a:lnTo>
                  <a:lnTo>
                    <a:pt x="1284" y="2046"/>
                  </a:lnTo>
                  <a:lnTo>
                    <a:pt x="1275" y="2052"/>
                  </a:lnTo>
                  <a:lnTo>
                    <a:pt x="1265" y="2057"/>
                  </a:lnTo>
                  <a:lnTo>
                    <a:pt x="1265" y="2057"/>
                  </a:lnTo>
                  <a:lnTo>
                    <a:pt x="1253" y="2064"/>
                  </a:lnTo>
                  <a:lnTo>
                    <a:pt x="1239" y="2075"/>
                  </a:lnTo>
                  <a:lnTo>
                    <a:pt x="1225" y="2088"/>
                  </a:lnTo>
                  <a:lnTo>
                    <a:pt x="1217" y="2097"/>
                  </a:lnTo>
                  <a:lnTo>
                    <a:pt x="1211" y="2106"/>
                  </a:lnTo>
                  <a:lnTo>
                    <a:pt x="1204" y="2117"/>
                  </a:lnTo>
                  <a:lnTo>
                    <a:pt x="1198" y="2129"/>
                  </a:lnTo>
                  <a:lnTo>
                    <a:pt x="1193" y="2141"/>
                  </a:lnTo>
                  <a:lnTo>
                    <a:pt x="1189" y="2156"/>
                  </a:lnTo>
                  <a:lnTo>
                    <a:pt x="1186" y="2171"/>
                  </a:lnTo>
                  <a:lnTo>
                    <a:pt x="1186" y="2187"/>
                  </a:lnTo>
                  <a:lnTo>
                    <a:pt x="1186" y="2187"/>
                  </a:lnTo>
                  <a:lnTo>
                    <a:pt x="1186" y="2206"/>
                  </a:lnTo>
                  <a:lnTo>
                    <a:pt x="1190" y="2224"/>
                  </a:lnTo>
                  <a:lnTo>
                    <a:pt x="1196" y="2242"/>
                  </a:lnTo>
                  <a:lnTo>
                    <a:pt x="1204" y="2259"/>
                  </a:lnTo>
                  <a:lnTo>
                    <a:pt x="1213" y="2275"/>
                  </a:lnTo>
                  <a:lnTo>
                    <a:pt x="1225" y="2290"/>
                  </a:lnTo>
                  <a:lnTo>
                    <a:pt x="1238" y="2304"/>
                  </a:lnTo>
                  <a:lnTo>
                    <a:pt x="1253" y="2317"/>
                  </a:lnTo>
                  <a:lnTo>
                    <a:pt x="1268" y="2329"/>
                  </a:lnTo>
                  <a:lnTo>
                    <a:pt x="1286" y="2339"/>
                  </a:lnTo>
                  <a:lnTo>
                    <a:pt x="1305" y="2348"/>
                  </a:lnTo>
                  <a:lnTo>
                    <a:pt x="1325" y="2357"/>
                  </a:lnTo>
                  <a:lnTo>
                    <a:pt x="1346" y="2363"/>
                  </a:lnTo>
                  <a:lnTo>
                    <a:pt x="1368" y="2368"/>
                  </a:lnTo>
                  <a:lnTo>
                    <a:pt x="1390" y="2371"/>
                  </a:lnTo>
                  <a:lnTo>
                    <a:pt x="1414" y="2371"/>
                  </a:lnTo>
                  <a:lnTo>
                    <a:pt x="1414" y="2371"/>
                  </a:lnTo>
                  <a:lnTo>
                    <a:pt x="1438" y="2371"/>
                  </a:lnTo>
                  <a:lnTo>
                    <a:pt x="1461" y="2368"/>
                  </a:lnTo>
                  <a:lnTo>
                    <a:pt x="1483" y="2363"/>
                  </a:lnTo>
                  <a:lnTo>
                    <a:pt x="1504" y="2357"/>
                  </a:lnTo>
                  <a:lnTo>
                    <a:pt x="1523" y="2348"/>
                  </a:lnTo>
                  <a:lnTo>
                    <a:pt x="1543" y="2339"/>
                  </a:lnTo>
                  <a:lnTo>
                    <a:pt x="1561" y="2329"/>
                  </a:lnTo>
                  <a:lnTo>
                    <a:pt x="1577" y="2317"/>
                  </a:lnTo>
                  <a:lnTo>
                    <a:pt x="1591" y="2304"/>
                  </a:lnTo>
                  <a:lnTo>
                    <a:pt x="1604" y="2290"/>
                  </a:lnTo>
                  <a:lnTo>
                    <a:pt x="1616" y="2275"/>
                  </a:lnTo>
                  <a:lnTo>
                    <a:pt x="1625" y="2259"/>
                  </a:lnTo>
                  <a:lnTo>
                    <a:pt x="1634" y="2242"/>
                  </a:lnTo>
                  <a:lnTo>
                    <a:pt x="1639" y="2224"/>
                  </a:lnTo>
                  <a:lnTo>
                    <a:pt x="1643" y="2206"/>
                  </a:lnTo>
                  <a:lnTo>
                    <a:pt x="1645" y="2187"/>
                  </a:lnTo>
                  <a:lnTo>
                    <a:pt x="1645" y="2187"/>
                  </a:lnTo>
                  <a:lnTo>
                    <a:pt x="1643" y="2171"/>
                  </a:lnTo>
                  <a:lnTo>
                    <a:pt x="1640" y="2156"/>
                  </a:lnTo>
                  <a:lnTo>
                    <a:pt x="1637" y="2141"/>
                  </a:lnTo>
                  <a:lnTo>
                    <a:pt x="1631" y="2129"/>
                  </a:lnTo>
                  <a:lnTo>
                    <a:pt x="1625" y="2117"/>
                  </a:lnTo>
                  <a:lnTo>
                    <a:pt x="1619" y="2106"/>
                  </a:lnTo>
                  <a:lnTo>
                    <a:pt x="1612" y="2097"/>
                  </a:lnTo>
                  <a:lnTo>
                    <a:pt x="1604" y="2088"/>
                  </a:lnTo>
                  <a:lnTo>
                    <a:pt x="1589" y="2075"/>
                  </a:lnTo>
                  <a:lnTo>
                    <a:pt x="1576" y="2064"/>
                  </a:lnTo>
                  <a:lnTo>
                    <a:pt x="1564" y="2057"/>
                  </a:lnTo>
                  <a:lnTo>
                    <a:pt x="1564" y="2057"/>
                  </a:lnTo>
                  <a:lnTo>
                    <a:pt x="1553" y="2052"/>
                  </a:lnTo>
                  <a:lnTo>
                    <a:pt x="1544" y="2046"/>
                  </a:lnTo>
                  <a:lnTo>
                    <a:pt x="1537" y="2039"/>
                  </a:lnTo>
                  <a:lnTo>
                    <a:pt x="1531" y="2033"/>
                  </a:lnTo>
                  <a:lnTo>
                    <a:pt x="1526" y="2026"/>
                  </a:lnTo>
                  <a:lnTo>
                    <a:pt x="1523" y="2020"/>
                  </a:lnTo>
                  <a:lnTo>
                    <a:pt x="1522" y="2012"/>
                  </a:lnTo>
                  <a:lnTo>
                    <a:pt x="1522" y="2006"/>
                  </a:lnTo>
                  <a:lnTo>
                    <a:pt x="1523" y="2000"/>
                  </a:lnTo>
                  <a:lnTo>
                    <a:pt x="1526" y="1994"/>
                  </a:lnTo>
                  <a:lnTo>
                    <a:pt x="1531" y="1990"/>
                  </a:lnTo>
                  <a:lnTo>
                    <a:pt x="1537" y="1985"/>
                  </a:lnTo>
                  <a:lnTo>
                    <a:pt x="1544" y="1981"/>
                  </a:lnTo>
                  <a:lnTo>
                    <a:pt x="1553" y="1978"/>
                  </a:lnTo>
                  <a:lnTo>
                    <a:pt x="1564" y="1976"/>
                  </a:lnTo>
                  <a:lnTo>
                    <a:pt x="1576" y="1976"/>
                  </a:lnTo>
                  <a:lnTo>
                    <a:pt x="2377" y="1976"/>
                  </a:lnTo>
                  <a:lnTo>
                    <a:pt x="2377" y="1138"/>
                  </a:lnTo>
                  <a:lnTo>
                    <a:pt x="2377" y="1138"/>
                  </a:lnTo>
                  <a:lnTo>
                    <a:pt x="2370" y="1130"/>
                  </a:lnTo>
                  <a:lnTo>
                    <a:pt x="2362" y="1126"/>
                  </a:lnTo>
                  <a:lnTo>
                    <a:pt x="2353" y="1124"/>
                  </a:lnTo>
                  <a:lnTo>
                    <a:pt x="2343" y="1127"/>
                  </a:lnTo>
                  <a:lnTo>
                    <a:pt x="2334" y="1132"/>
                  </a:lnTo>
                  <a:lnTo>
                    <a:pt x="2323" y="1139"/>
                  </a:lnTo>
                  <a:lnTo>
                    <a:pt x="2314" y="1151"/>
                  </a:lnTo>
                  <a:lnTo>
                    <a:pt x="2305" y="1166"/>
                  </a:lnTo>
                  <a:lnTo>
                    <a:pt x="2305" y="1166"/>
                  </a:lnTo>
                  <a:lnTo>
                    <a:pt x="2298" y="1178"/>
                  </a:lnTo>
                  <a:lnTo>
                    <a:pt x="2289" y="1191"/>
                  </a:lnTo>
                  <a:lnTo>
                    <a:pt x="2275" y="1206"/>
                  </a:lnTo>
                  <a:lnTo>
                    <a:pt x="2266" y="1214"/>
                  </a:lnTo>
                  <a:lnTo>
                    <a:pt x="2257" y="1220"/>
                  </a:lnTo>
                  <a:lnTo>
                    <a:pt x="2247" y="1227"/>
                  </a:lnTo>
                  <a:lnTo>
                    <a:pt x="2235" y="1233"/>
                  </a:lnTo>
                  <a:lnTo>
                    <a:pt x="2222" y="1239"/>
                  </a:lnTo>
                  <a:lnTo>
                    <a:pt x="2208" y="1242"/>
                  </a:lnTo>
                  <a:lnTo>
                    <a:pt x="2193" y="1245"/>
                  </a:lnTo>
                  <a:lnTo>
                    <a:pt x="2177" y="1245"/>
                  </a:lnTo>
                  <a:lnTo>
                    <a:pt x="2177" y="1245"/>
                  </a:lnTo>
                  <a:lnTo>
                    <a:pt x="2157" y="1245"/>
                  </a:lnTo>
                  <a:lnTo>
                    <a:pt x="2139" y="1241"/>
                  </a:lnTo>
                  <a:lnTo>
                    <a:pt x="2121" y="1236"/>
                  </a:lnTo>
                  <a:lnTo>
                    <a:pt x="2105" y="1227"/>
                  </a:lnTo>
                  <a:lnTo>
                    <a:pt x="2089" y="1218"/>
                  </a:lnTo>
                  <a:lnTo>
                    <a:pt x="2074" y="1206"/>
                  </a:lnTo>
                  <a:lnTo>
                    <a:pt x="2060" y="1193"/>
                  </a:lnTo>
                  <a:lnTo>
                    <a:pt x="2047" y="1179"/>
                  </a:lnTo>
                  <a:lnTo>
                    <a:pt x="2035" y="1163"/>
                  </a:lnTo>
                  <a:lnTo>
                    <a:pt x="2024" y="1145"/>
                  </a:lnTo>
                  <a:lnTo>
                    <a:pt x="2015" y="1126"/>
                  </a:lnTo>
                  <a:lnTo>
                    <a:pt x="2006" y="1106"/>
                  </a:lnTo>
                  <a:lnTo>
                    <a:pt x="2000" y="1085"/>
                  </a:lnTo>
                  <a:lnTo>
                    <a:pt x="1996" y="1063"/>
                  </a:lnTo>
                  <a:lnTo>
                    <a:pt x="1993" y="1040"/>
                  </a:lnTo>
                  <a:lnTo>
                    <a:pt x="1993" y="1016"/>
                  </a:lnTo>
                  <a:lnTo>
                    <a:pt x="1993" y="1016"/>
                  </a:lnTo>
                  <a:lnTo>
                    <a:pt x="1993" y="993"/>
                  </a:lnTo>
                  <a:lnTo>
                    <a:pt x="1996" y="970"/>
                  </a:lnTo>
                  <a:lnTo>
                    <a:pt x="2000" y="948"/>
                  </a:lnTo>
                  <a:lnTo>
                    <a:pt x="2006" y="927"/>
                  </a:lnTo>
                  <a:lnTo>
                    <a:pt x="2015" y="907"/>
                  </a:lnTo>
                  <a:lnTo>
                    <a:pt x="2024" y="888"/>
                  </a:lnTo>
                  <a:lnTo>
                    <a:pt x="2035" y="870"/>
                  </a:lnTo>
                  <a:lnTo>
                    <a:pt x="2047" y="855"/>
                  </a:lnTo>
                  <a:lnTo>
                    <a:pt x="2060" y="840"/>
                  </a:lnTo>
                  <a:lnTo>
                    <a:pt x="2074" y="827"/>
                  </a:lnTo>
                  <a:lnTo>
                    <a:pt x="2089" y="815"/>
                  </a:lnTo>
                  <a:lnTo>
                    <a:pt x="2105" y="806"/>
                  </a:lnTo>
                  <a:lnTo>
                    <a:pt x="2121" y="797"/>
                  </a:lnTo>
                  <a:lnTo>
                    <a:pt x="2139" y="792"/>
                  </a:lnTo>
                  <a:lnTo>
                    <a:pt x="2157" y="788"/>
                  </a:lnTo>
                  <a:lnTo>
                    <a:pt x="2177" y="788"/>
                  </a:lnTo>
                  <a:lnTo>
                    <a:pt x="2177" y="788"/>
                  </a:lnTo>
                  <a:close/>
                </a:path>
              </a:pathLst>
            </a:custGeom>
            <a:solidFill>
              <a:schemeClr val="bg1">
                <a:lumMod val="75000"/>
              </a:schemeClr>
            </a:solidFill>
            <a:ln w="28575">
              <a:solidFill>
                <a:schemeClr val="bg1">
                  <a:lumMod val="50000"/>
                </a:schemeClr>
              </a:solidFill>
              <a:prstDash val="solid"/>
              <a:round/>
              <a:headEnd/>
              <a:tailEnd/>
            </a:ln>
          </p:spPr>
          <p:txBody>
            <a:bodyPr bIns="360000" anchor="ctr"/>
            <a:lstStyle/>
            <a:p>
              <a:pPr algn="ctr" eaLnBrk="1" hangingPunct="1">
                <a:defRPr/>
              </a:pPr>
              <a:r>
                <a:rPr lang="en-US" dirty="0" err="1">
                  <a:cs typeface="Arial" charset="0"/>
                </a:rPr>
                <a:t>eLTSS</a:t>
              </a:r>
              <a:endParaRPr lang="en-US" dirty="0">
                <a:cs typeface="Arial" charset="0"/>
              </a:endParaRPr>
            </a:p>
            <a:p>
              <a:pPr algn="ctr" eaLnBrk="1" hangingPunct="1">
                <a:defRPr/>
              </a:pPr>
              <a:r>
                <a:rPr lang="en-US" dirty="0">
                  <a:cs typeface="Arial" charset="0"/>
                </a:rPr>
                <a:t>Project</a:t>
              </a:r>
              <a:endParaRPr lang="en-GB" dirty="0">
                <a:cs typeface="Arial" charset="0"/>
              </a:endParaRPr>
            </a:p>
          </p:txBody>
        </p:sp>
        <p:sp>
          <p:nvSpPr>
            <p:cNvPr id="26" name="Freeform 9">
              <a:extLst>
                <a:ext uri="{FF2B5EF4-FFF2-40B4-BE49-F238E27FC236}">
                  <a16:creationId xmlns:a16="http://schemas.microsoft.com/office/drawing/2014/main" id="{DB2B9F0E-D7EC-714A-B751-F63FDD67DD3C}"/>
                </a:ext>
              </a:extLst>
            </p:cNvPr>
            <p:cNvSpPr>
              <a:spLocks/>
            </p:cNvSpPr>
            <p:nvPr/>
          </p:nvSpPr>
          <p:spPr bwMode="auto">
            <a:xfrm>
              <a:off x="4520408"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tx2">
                <a:lumMod val="40000"/>
                <a:lumOff val="6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CKD</a:t>
              </a:r>
              <a:endParaRPr lang="en-GB" dirty="0">
                <a:cs typeface="Arial" charset="0"/>
              </a:endParaRPr>
            </a:p>
          </p:txBody>
        </p:sp>
        <p:sp>
          <p:nvSpPr>
            <p:cNvPr id="27" name="Freeform 7">
              <a:extLst>
                <a:ext uri="{FF2B5EF4-FFF2-40B4-BE49-F238E27FC236}">
                  <a16:creationId xmlns:a16="http://schemas.microsoft.com/office/drawing/2014/main" id="{51BB8AC8-5839-D540-AE51-83A5B18453C9}"/>
                </a:ext>
              </a:extLst>
            </p:cNvPr>
            <p:cNvSpPr>
              <a:spLocks/>
            </p:cNvSpPr>
            <p:nvPr/>
          </p:nvSpPr>
          <p:spPr bwMode="auto">
            <a:xfrm>
              <a:off x="3255016" y="4482334"/>
              <a:ext cx="1884363" cy="1884362"/>
            </a:xfrm>
            <a:custGeom>
              <a:avLst/>
              <a:gdLst>
                <a:gd name="T0" fmla="*/ 2145 w 2376"/>
                <a:gd name="T1" fmla="*/ 1136 h 2374"/>
                <a:gd name="T2" fmla="*/ 2092 w 2376"/>
                <a:gd name="T3" fmla="*/ 1169 h 2374"/>
                <a:gd name="T4" fmla="*/ 2056 w 2376"/>
                <a:gd name="T5" fmla="*/ 1218 h 2374"/>
                <a:gd name="T6" fmla="*/ 2023 w 2376"/>
                <a:gd name="T7" fmla="*/ 1248 h 2374"/>
                <a:gd name="T8" fmla="*/ 1993 w 2376"/>
                <a:gd name="T9" fmla="*/ 1241 h 2374"/>
                <a:gd name="T10" fmla="*/ 1979 w 2376"/>
                <a:gd name="T11" fmla="*/ 1198 h 2374"/>
                <a:gd name="T12" fmla="*/ 1102 w 2376"/>
                <a:gd name="T13" fmla="*/ 393 h 2374"/>
                <a:gd name="T14" fmla="*/ 1072 w 2376"/>
                <a:gd name="T15" fmla="*/ 371 h 2374"/>
                <a:gd name="T16" fmla="*/ 1080 w 2376"/>
                <a:gd name="T17" fmla="*/ 338 h 2374"/>
                <a:gd name="T18" fmla="*/ 1113 w 2376"/>
                <a:gd name="T19" fmla="*/ 314 h 2374"/>
                <a:gd name="T20" fmla="*/ 1168 w 2376"/>
                <a:gd name="T21" fmla="*/ 265 h 2374"/>
                <a:gd name="T22" fmla="*/ 1192 w 2376"/>
                <a:gd name="T23" fmla="*/ 200 h 2374"/>
                <a:gd name="T24" fmla="*/ 1183 w 2376"/>
                <a:gd name="T25" fmla="*/ 130 h 2374"/>
                <a:gd name="T26" fmla="*/ 1126 w 2376"/>
                <a:gd name="T27" fmla="*/ 54 h 2374"/>
                <a:gd name="T28" fmla="*/ 1032 w 2376"/>
                <a:gd name="T29" fmla="*/ 9 h 2374"/>
                <a:gd name="T30" fmla="*/ 939 w 2376"/>
                <a:gd name="T31" fmla="*/ 2 h 2374"/>
                <a:gd name="T32" fmla="*/ 835 w 2376"/>
                <a:gd name="T33" fmla="*/ 32 h 2374"/>
                <a:gd name="T34" fmla="*/ 761 w 2376"/>
                <a:gd name="T35" fmla="*/ 97 h 2374"/>
                <a:gd name="T36" fmla="*/ 734 w 2376"/>
                <a:gd name="T37" fmla="*/ 184 h 2374"/>
                <a:gd name="T38" fmla="*/ 746 w 2376"/>
                <a:gd name="T39" fmla="*/ 242 h 2374"/>
                <a:gd name="T40" fmla="*/ 788 w 2376"/>
                <a:gd name="T41" fmla="*/ 296 h 2374"/>
                <a:gd name="T42" fmla="*/ 833 w 2376"/>
                <a:gd name="T43" fmla="*/ 326 h 2374"/>
                <a:gd name="T44" fmla="*/ 855 w 2376"/>
                <a:gd name="T45" fmla="*/ 359 h 2374"/>
                <a:gd name="T46" fmla="*/ 840 w 2376"/>
                <a:gd name="T47" fmla="*/ 386 h 2374"/>
                <a:gd name="T48" fmla="*/ 0 w 2376"/>
                <a:gd name="T49" fmla="*/ 395 h 2374"/>
                <a:gd name="T50" fmla="*/ 24 w 2376"/>
                <a:gd name="T51" fmla="*/ 1250 h 2374"/>
                <a:gd name="T52" fmla="*/ 72 w 2376"/>
                <a:gd name="T53" fmla="*/ 1208 h 2374"/>
                <a:gd name="T54" fmla="*/ 111 w 2376"/>
                <a:gd name="T55" fmla="*/ 1160 h 2374"/>
                <a:gd name="T56" fmla="*/ 169 w 2376"/>
                <a:gd name="T57" fmla="*/ 1132 h 2374"/>
                <a:gd name="T58" fmla="*/ 238 w 2376"/>
                <a:gd name="T59" fmla="*/ 1133 h 2374"/>
                <a:gd name="T60" fmla="*/ 319 w 2376"/>
                <a:gd name="T61" fmla="*/ 1181 h 2374"/>
                <a:gd name="T62" fmla="*/ 371 w 2376"/>
                <a:gd name="T63" fmla="*/ 1268 h 2374"/>
                <a:gd name="T64" fmla="*/ 386 w 2376"/>
                <a:gd name="T65" fmla="*/ 1358 h 2374"/>
                <a:gd name="T66" fmla="*/ 364 w 2376"/>
                <a:gd name="T67" fmla="*/ 1467 h 2374"/>
                <a:gd name="T68" fmla="*/ 304 w 2376"/>
                <a:gd name="T69" fmla="*/ 1547 h 2374"/>
                <a:gd name="T70" fmla="*/ 220 w 2376"/>
                <a:gd name="T71" fmla="*/ 1586 h 2374"/>
                <a:gd name="T72" fmla="*/ 156 w 2376"/>
                <a:gd name="T73" fmla="*/ 1579 h 2374"/>
                <a:gd name="T74" fmla="*/ 102 w 2376"/>
                <a:gd name="T75" fmla="*/ 1547 h 2374"/>
                <a:gd name="T76" fmla="*/ 63 w 2376"/>
                <a:gd name="T77" fmla="*/ 1492 h 2374"/>
                <a:gd name="T78" fmla="*/ 15 w 2376"/>
                <a:gd name="T79" fmla="*/ 1467 h 2374"/>
                <a:gd name="T80" fmla="*/ 1979 w 2376"/>
                <a:gd name="T81" fmla="*/ 1519 h 2374"/>
                <a:gd name="T82" fmla="*/ 1988 w 2376"/>
                <a:gd name="T83" fmla="*/ 1482 h 2374"/>
                <a:gd name="T84" fmla="*/ 2017 w 2376"/>
                <a:gd name="T85" fmla="*/ 1467 h 2374"/>
                <a:gd name="T86" fmla="*/ 2050 w 2376"/>
                <a:gd name="T87" fmla="*/ 1488 h 2374"/>
                <a:gd name="T88" fmla="*/ 2078 w 2376"/>
                <a:gd name="T89" fmla="*/ 1532 h 2374"/>
                <a:gd name="T90" fmla="*/ 2132 w 2376"/>
                <a:gd name="T91" fmla="*/ 1574 h 2374"/>
                <a:gd name="T92" fmla="*/ 2190 w 2376"/>
                <a:gd name="T93" fmla="*/ 1588 h 2374"/>
                <a:gd name="T94" fmla="*/ 2278 w 2376"/>
                <a:gd name="T95" fmla="*/ 1559 h 2374"/>
                <a:gd name="T96" fmla="*/ 2344 w 2376"/>
                <a:gd name="T97" fmla="*/ 1486 h 2374"/>
                <a:gd name="T98" fmla="*/ 2374 w 2376"/>
                <a:gd name="T99" fmla="*/ 1381 h 2374"/>
                <a:gd name="T100" fmla="*/ 2367 w 2376"/>
                <a:gd name="T101" fmla="*/ 1290 h 2374"/>
                <a:gd name="T102" fmla="*/ 2322 w 2376"/>
                <a:gd name="T103" fmla="*/ 1196 h 2374"/>
                <a:gd name="T104" fmla="*/ 2246 w 2376"/>
                <a:gd name="T105" fmla="*/ 1139 h 2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6" h="2374">
                  <a:moveTo>
                    <a:pt x="2190" y="1129"/>
                  </a:moveTo>
                  <a:lnTo>
                    <a:pt x="2190" y="1129"/>
                  </a:lnTo>
                  <a:lnTo>
                    <a:pt x="2174" y="1129"/>
                  </a:lnTo>
                  <a:lnTo>
                    <a:pt x="2159" y="1132"/>
                  </a:lnTo>
                  <a:lnTo>
                    <a:pt x="2145" y="1136"/>
                  </a:lnTo>
                  <a:lnTo>
                    <a:pt x="2132" y="1141"/>
                  </a:lnTo>
                  <a:lnTo>
                    <a:pt x="2121" y="1147"/>
                  </a:lnTo>
                  <a:lnTo>
                    <a:pt x="2110" y="1154"/>
                  </a:lnTo>
                  <a:lnTo>
                    <a:pt x="2101" y="1162"/>
                  </a:lnTo>
                  <a:lnTo>
                    <a:pt x="2092" y="1169"/>
                  </a:lnTo>
                  <a:lnTo>
                    <a:pt x="2078" y="1184"/>
                  </a:lnTo>
                  <a:lnTo>
                    <a:pt x="2069" y="1196"/>
                  </a:lnTo>
                  <a:lnTo>
                    <a:pt x="2062" y="1210"/>
                  </a:lnTo>
                  <a:lnTo>
                    <a:pt x="2062" y="1210"/>
                  </a:lnTo>
                  <a:lnTo>
                    <a:pt x="2056" y="1218"/>
                  </a:lnTo>
                  <a:lnTo>
                    <a:pt x="2050" y="1227"/>
                  </a:lnTo>
                  <a:lnTo>
                    <a:pt x="2044" y="1235"/>
                  </a:lnTo>
                  <a:lnTo>
                    <a:pt x="2036" y="1241"/>
                  </a:lnTo>
                  <a:lnTo>
                    <a:pt x="2030" y="1245"/>
                  </a:lnTo>
                  <a:lnTo>
                    <a:pt x="2023" y="1248"/>
                  </a:lnTo>
                  <a:lnTo>
                    <a:pt x="2017" y="1250"/>
                  </a:lnTo>
                  <a:lnTo>
                    <a:pt x="2009" y="1250"/>
                  </a:lnTo>
                  <a:lnTo>
                    <a:pt x="2003" y="1248"/>
                  </a:lnTo>
                  <a:lnTo>
                    <a:pt x="1999" y="1245"/>
                  </a:lnTo>
                  <a:lnTo>
                    <a:pt x="1993" y="1241"/>
                  </a:lnTo>
                  <a:lnTo>
                    <a:pt x="1988" y="1235"/>
                  </a:lnTo>
                  <a:lnTo>
                    <a:pt x="1985" y="1227"/>
                  </a:lnTo>
                  <a:lnTo>
                    <a:pt x="1982" y="1218"/>
                  </a:lnTo>
                  <a:lnTo>
                    <a:pt x="1981" y="1208"/>
                  </a:lnTo>
                  <a:lnTo>
                    <a:pt x="1979" y="1198"/>
                  </a:lnTo>
                  <a:lnTo>
                    <a:pt x="1979" y="395"/>
                  </a:lnTo>
                  <a:lnTo>
                    <a:pt x="1125" y="395"/>
                  </a:lnTo>
                  <a:lnTo>
                    <a:pt x="1125" y="395"/>
                  </a:lnTo>
                  <a:lnTo>
                    <a:pt x="1113" y="395"/>
                  </a:lnTo>
                  <a:lnTo>
                    <a:pt x="1102" y="393"/>
                  </a:lnTo>
                  <a:lnTo>
                    <a:pt x="1093" y="390"/>
                  </a:lnTo>
                  <a:lnTo>
                    <a:pt x="1086" y="386"/>
                  </a:lnTo>
                  <a:lnTo>
                    <a:pt x="1080" y="381"/>
                  </a:lnTo>
                  <a:lnTo>
                    <a:pt x="1075" y="377"/>
                  </a:lnTo>
                  <a:lnTo>
                    <a:pt x="1072" y="371"/>
                  </a:lnTo>
                  <a:lnTo>
                    <a:pt x="1071" y="365"/>
                  </a:lnTo>
                  <a:lnTo>
                    <a:pt x="1071" y="359"/>
                  </a:lnTo>
                  <a:lnTo>
                    <a:pt x="1072" y="351"/>
                  </a:lnTo>
                  <a:lnTo>
                    <a:pt x="1075" y="345"/>
                  </a:lnTo>
                  <a:lnTo>
                    <a:pt x="1080" y="338"/>
                  </a:lnTo>
                  <a:lnTo>
                    <a:pt x="1086" y="332"/>
                  </a:lnTo>
                  <a:lnTo>
                    <a:pt x="1093" y="326"/>
                  </a:lnTo>
                  <a:lnTo>
                    <a:pt x="1102" y="319"/>
                  </a:lnTo>
                  <a:lnTo>
                    <a:pt x="1113" y="314"/>
                  </a:lnTo>
                  <a:lnTo>
                    <a:pt x="1113" y="314"/>
                  </a:lnTo>
                  <a:lnTo>
                    <a:pt x="1125" y="307"/>
                  </a:lnTo>
                  <a:lnTo>
                    <a:pt x="1138" y="296"/>
                  </a:lnTo>
                  <a:lnTo>
                    <a:pt x="1153" y="283"/>
                  </a:lnTo>
                  <a:lnTo>
                    <a:pt x="1160" y="275"/>
                  </a:lnTo>
                  <a:lnTo>
                    <a:pt x="1168" y="265"/>
                  </a:lnTo>
                  <a:lnTo>
                    <a:pt x="1174" y="254"/>
                  </a:lnTo>
                  <a:lnTo>
                    <a:pt x="1180" y="242"/>
                  </a:lnTo>
                  <a:lnTo>
                    <a:pt x="1186" y="230"/>
                  </a:lnTo>
                  <a:lnTo>
                    <a:pt x="1189" y="215"/>
                  </a:lnTo>
                  <a:lnTo>
                    <a:pt x="1192" y="200"/>
                  </a:lnTo>
                  <a:lnTo>
                    <a:pt x="1193" y="184"/>
                  </a:lnTo>
                  <a:lnTo>
                    <a:pt x="1193" y="184"/>
                  </a:lnTo>
                  <a:lnTo>
                    <a:pt x="1192" y="166"/>
                  </a:lnTo>
                  <a:lnTo>
                    <a:pt x="1187" y="147"/>
                  </a:lnTo>
                  <a:lnTo>
                    <a:pt x="1183" y="130"/>
                  </a:lnTo>
                  <a:lnTo>
                    <a:pt x="1174" y="112"/>
                  </a:lnTo>
                  <a:lnTo>
                    <a:pt x="1165" y="97"/>
                  </a:lnTo>
                  <a:lnTo>
                    <a:pt x="1153" y="81"/>
                  </a:lnTo>
                  <a:lnTo>
                    <a:pt x="1141" y="67"/>
                  </a:lnTo>
                  <a:lnTo>
                    <a:pt x="1126" y="54"/>
                  </a:lnTo>
                  <a:lnTo>
                    <a:pt x="1110" y="42"/>
                  </a:lnTo>
                  <a:lnTo>
                    <a:pt x="1092" y="32"/>
                  </a:lnTo>
                  <a:lnTo>
                    <a:pt x="1072" y="23"/>
                  </a:lnTo>
                  <a:lnTo>
                    <a:pt x="1053" y="15"/>
                  </a:lnTo>
                  <a:lnTo>
                    <a:pt x="1032" y="9"/>
                  </a:lnTo>
                  <a:lnTo>
                    <a:pt x="1009" y="3"/>
                  </a:lnTo>
                  <a:lnTo>
                    <a:pt x="987" y="2"/>
                  </a:lnTo>
                  <a:lnTo>
                    <a:pt x="963" y="0"/>
                  </a:lnTo>
                  <a:lnTo>
                    <a:pt x="963" y="0"/>
                  </a:lnTo>
                  <a:lnTo>
                    <a:pt x="939" y="2"/>
                  </a:lnTo>
                  <a:lnTo>
                    <a:pt x="917" y="3"/>
                  </a:lnTo>
                  <a:lnTo>
                    <a:pt x="894" y="9"/>
                  </a:lnTo>
                  <a:lnTo>
                    <a:pt x="873" y="15"/>
                  </a:lnTo>
                  <a:lnTo>
                    <a:pt x="854" y="23"/>
                  </a:lnTo>
                  <a:lnTo>
                    <a:pt x="835" y="32"/>
                  </a:lnTo>
                  <a:lnTo>
                    <a:pt x="817" y="42"/>
                  </a:lnTo>
                  <a:lnTo>
                    <a:pt x="802" y="54"/>
                  </a:lnTo>
                  <a:lnTo>
                    <a:pt x="787" y="67"/>
                  </a:lnTo>
                  <a:lnTo>
                    <a:pt x="773" y="81"/>
                  </a:lnTo>
                  <a:lnTo>
                    <a:pt x="761" y="97"/>
                  </a:lnTo>
                  <a:lnTo>
                    <a:pt x="752" y="112"/>
                  </a:lnTo>
                  <a:lnTo>
                    <a:pt x="745" y="130"/>
                  </a:lnTo>
                  <a:lnTo>
                    <a:pt x="739" y="147"/>
                  </a:lnTo>
                  <a:lnTo>
                    <a:pt x="734" y="166"/>
                  </a:lnTo>
                  <a:lnTo>
                    <a:pt x="734" y="184"/>
                  </a:lnTo>
                  <a:lnTo>
                    <a:pt x="734" y="184"/>
                  </a:lnTo>
                  <a:lnTo>
                    <a:pt x="734" y="200"/>
                  </a:lnTo>
                  <a:lnTo>
                    <a:pt x="737" y="215"/>
                  </a:lnTo>
                  <a:lnTo>
                    <a:pt x="742" y="230"/>
                  </a:lnTo>
                  <a:lnTo>
                    <a:pt x="746" y="242"/>
                  </a:lnTo>
                  <a:lnTo>
                    <a:pt x="752" y="254"/>
                  </a:lnTo>
                  <a:lnTo>
                    <a:pt x="760" y="265"/>
                  </a:lnTo>
                  <a:lnTo>
                    <a:pt x="766" y="275"/>
                  </a:lnTo>
                  <a:lnTo>
                    <a:pt x="775" y="283"/>
                  </a:lnTo>
                  <a:lnTo>
                    <a:pt x="788" y="296"/>
                  </a:lnTo>
                  <a:lnTo>
                    <a:pt x="802" y="307"/>
                  </a:lnTo>
                  <a:lnTo>
                    <a:pt x="814" y="314"/>
                  </a:lnTo>
                  <a:lnTo>
                    <a:pt x="814" y="314"/>
                  </a:lnTo>
                  <a:lnTo>
                    <a:pt x="824" y="319"/>
                  </a:lnTo>
                  <a:lnTo>
                    <a:pt x="833" y="326"/>
                  </a:lnTo>
                  <a:lnTo>
                    <a:pt x="840" y="332"/>
                  </a:lnTo>
                  <a:lnTo>
                    <a:pt x="846" y="338"/>
                  </a:lnTo>
                  <a:lnTo>
                    <a:pt x="851" y="345"/>
                  </a:lnTo>
                  <a:lnTo>
                    <a:pt x="854" y="351"/>
                  </a:lnTo>
                  <a:lnTo>
                    <a:pt x="855" y="359"/>
                  </a:lnTo>
                  <a:lnTo>
                    <a:pt x="855" y="365"/>
                  </a:lnTo>
                  <a:lnTo>
                    <a:pt x="854" y="371"/>
                  </a:lnTo>
                  <a:lnTo>
                    <a:pt x="851" y="377"/>
                  </a:lnTo>
                  <a:lnTo>
                    <a:pt x="846" y="381"/>
                  </a:lnTo>
                  <a:lnTo>
                    <a:pt x="840" y="386"/>
                  </a:lnTo>
                  <a:lnTo>
                    <a:pt x="833" y="390"/>
                  </a:lnTo>
                  <a:lnTo>
                    <a:pt x="824" y="393"/>
                  </a:lnTo>
                  <a:lnTo>
                    <a:pt x="814" y="395"/>
                  </a:lnTo>
                  <a:lnTo>
                    <a:pt x="802" y="395"/>
                  </a:lnTo>
                  <a:lnTo>
                    <a:pt x="0" y="395"/>
                  </a:lnTo>
                  <a:lnTo>
                    <a:pt x="0" y="1236"/>
                  </a:lnTo>
                  <a:lnTo>
                    <a:pt x="0" y="1236"/>
                  </a:lnTo>
                  <a:lnTo>
                    <a:pt x="8" y="1244"/>
                  </a:lnTo>
                  <a:lnTo>
                    <a:pt x="15" y="1248"/>
                  </a:lnTo>
                  <a:lnTo>
                    <a:pt x="24" y="1250"/>
                  </a:lnTo>
                  <a:lnTo>
                    <a:pt x="35" y="1247"/>
                  </a:lnTo>
                  <a:lnTo>
                    <a:pt x="45" y="1242"/>
                  </a:lnTo>
                  <a:lnTo>
                    <a:pt x="54" y="1235"/>
                  </a:lnTo>
                  <a:lnTo>
                    <a:pt x="63" y="1223"/>
                  </a:lnTo>
                  <a:lnTo>
                    <a:pt x="72" y="1208"/>
                  </a:lnTo>
                  <a:lnTo>
                    <a:pt x="72" y="1208"/>
                  </a:lnTo>
                  <a:lnTo>
                    <a:pt x="80" y="1196"/>
                  </a:lnTo>
                  <a:lnTo>
                    <a:pt x="89" y="1183"/>
                  </a:lnTo>
                  <a:lnTo>
                    <a:pt x="102" y="1168"/>
                  </a:lnTo>
                  <a:lnTo>
                    <a:pt x="111" y="1160"/>
                  </a:lnTo>
                  <a:lnTo>
                    <a:pt x="120" y="1153"/>
                  </a:lnTo>
                  <a:lnTo>
                    <a:pt x="130" y="1147"/>
                  </a:lnTo>
                  <a:lnTo>
                    <a:pt x="142" y="1141"/>
                  </a:lnTo>
                  <a:lnTo>
                    <a:pt x="156" y="1135"/>
                  </a:lnTo>
                  <a:lnTo>
                    <a:pt x="169" y="1132"/>
                  </a:lnTo>
                  <a:lnTo>
                    <a:pt x="184" y="1129"/>
                  </a:lnTo>
                  <a:lnTo>
                    <a:pt x="201" y="1127"/>
                  </a:lnTo>
                  <a:lnTo>
                    <a:pt x="201" y="1127"/>
                  </a:lnTo>
                  <a:lnTo>
                    <a:pt x="220" y="1129"/>
                  </a:lnTo>
                  <a:lnTo>
                    <a:pt x="238" y="1133"/>
                  </a:lnTo>
                  <a:lnTo>
                    <a:pt x="256" y="1138"/>
                  </a:lnTo>
                  <a:lnTo>
                    <a:pt x="272" y="1147"/>
                  </a:lnTo>
                  <a:lnTo>
                    <a:pt x="289" y="1156"/>
                  </a:lnTo>
                  <a:lnTo>
                    <a:pt x="304" y="1168"/>
                  </a:lnTo>
                  <a:lnTo>
                    <a:pt x="319" y="1181"/>
                  </a:lnTo>
                  <a:lnTo>
                    <a:pt x="331" y="1195"/>
                  </a:lnTo>
                  <a:lnTo>
                    <a:pt x="343" y="1211"/>
                  </a:lnTo>
                  <a:lnTo>
                    <a:pt x="353" y="1229"/>
                  </a:lnTo>
                  <a:lnTo>
                    <a:pt x="364" y="1248"/>
                  </a:lnTo>
                  <a:lnTo>
                    <a:pt x="371" y="1268"/>
                  </a:lnTo>
                  <a:lnTo>
                    <a:pt x="377" y="1289"/>
                  </a:lnTo>
                  <a:lnTo>
                    <a:pt x="382" y="1311"/>
                  </a:lnTo>
                  <a:lnTo>
                    <a:pt x="385" y="1334"/>
                  </a:lnTo>
                  <a:lnTo>
                    <a:pt x="386" y="1358"/>
                  </a:lnTo>
                  <a:lnTo>
                    <a:pt x="386" y="1358"/>
                  </a:lnTo>
                  <a:lnTo>
                    <a:pt x="385" y="1381"/>
                  </a:lnTo>
                  <a:lnTo>
                    <a:pt x="382" y="1404"/>
                  </a:lnTo>
                  <a:lnTo>
                    <a:pt x="377" y="1426"/>
                  </a:lnTo>
                  <a:lnTo>
                    <a:pt x="371" y="1447"/>
                  </a:lnTo>
                  <a:lnTo>
                    <a:pt x="364" y="1467"/>
                  </a:lnTo>
                  <a:lnTo>
                    <a:pt x="353" y="1486"/>
                  </a:lnTo>
                  <a:lnTo>
                    <a:pt x="343" y="1504"/>
                  </a:lnTo>
                  <a:lnTo>
                    <a:pt x="331" y="1519"/>
                  </a:lnTo>
                  <a:lnTo>
                    <a:pt x="319" y="1534"/>
                  </a:lnTo>
                  <a:lnTo>
                    <a:pt x="304" y="1547"/>
                  </a:lnTo>
                  <a:lnTo>
                    <a:pt x="289" y="1559"/>
                  </a:lnTo>
                  <a:lnTo>
                    <a:pt x="272" y="1568"/>
                  </a:lnTo>
                  <a:lnTo>
                    <a:pt x="256" y="1577"/>
                  </a:lnTo>
                  <a:lnTo>
                    <a:pt x="238" y="1582"/>
                  </a:lnTo>
                  <a:lnTo>
                    <a:pt x="220" y="1586"/>
                  </a:lnTo>
                  <a:lnTo>
                    <a:pt x="201" y="1586"/>
                  </a:lnTo>
                  <a:lnTo>
                    <a:pt x="201" y="1586"/>
                  </a:lnTo>
                  <a:lnTo>
                    <a:pt x="184" y="1586"/>
                  </a:lnTo>
                  <a:lnTo>
                    <a:pt x="169" y="1583"/>
                  </a:lnTo>
                  <a:lnTo>
                    <a:pt x="156" y="1579"/>
                  </a:lnTo>
                  <a:lnTo>
                    <a:pt x="142" y="1574"/>
                  </a:lnTo>
                  <a:lnTo>
                    <a:pt x="130" y="1568"/>
                  </a:lnTo>
                  <a:lnTo>
                    <a:pt x="120" y="1561"/>
                  </a:lnTo>
                  <a:lnTo>
                    <a:pt x="111" y="1555"/>
                  </a:lnTo>
                  <a:lnTo>
                    <a:pt x="102" y="1547"/>
                  </a:lnTo>
                  <a:lnTo>
                    <a:pt x="89" y="1532"/>
                  </a:lnTo>
                  <a:lnTo>
                    <a:pt x="80" y="1519"/>
                  </a:lnTo>
                  <a:lnTo>
                    <a:pt x="72" y="1507"/>
                  </a:lnTo>
                  <a:lnTo>
                    <a:pt x="72" y="1507"/>
                  </a:lnTo>
                  <a:lnTo>
                    <a:pt x="63" y="1492"/>
                  </a:lnTo>
                  <a:lnTo>
                    <a:pt x="54" y="1480"/>
                  </a:lnTo>
                  <a:lnTo>
                    <a:pt x="45" y="1473"/>
                  </a:lnTo>
                  <a:lnTo>
                    <a:pt x="35" y="1467"/>
                  </a:lnTo>
                  <a:lnTo>
                    <a:pt x="24" y="1465"/>
                  </a:lnTo>
                  <a:lnTo>
                    <a:pt x="15" y="1467"/>
                  </a:lnTo>
                  <a:lnTo>
                    <a:pt x="8" y="1471"/>
                  </a:lnTo>
                  <a:lnTo>
                    <a:pt x="0" y="1479"/>
                  </a:lnTo>
                  <a:lnTo>
                    <a:pt x="0" y="2374"/>
                  </a:lnTo>
                  <a:lnTo>
                    <a:pt x="1979" y="2374"/>
                  </a:lnTo>
                  <a:lnTo>
                    <a:pt x="1979" y="1519"/>
                  </a:lnTo>
                  <a:lnTo>
                    <a:pt x="1979" y="1519"/>
                  </a:lnTo>
                  <a:lnTo>
                    <a:pt x="1981" y="1507"/>
                  </a:lnTo>
                  <a:lnTo>
                    <a:pt x="1982" y="1497"/>
                  </a:lnTo>
                  <a:lnTo>
                    <a:pt x="1985" y="1488"/>
                  </a:lnTo>
                  <a:lnTo>
                    <a:pt x="1988" y="1482"/>
                  </a:lnTo>
                  <a:lnTo>
                    <a:pt x="1993" y="1476"/>
                  </a:lnTo>
                  <a:lnTo>
                    <a:pt x="1999" y="1471"/>
                  </a:lnTo>
                  <a:lnTo>
                    <a:pt x="2003" y="1468"/>
                  </a:lnTo>
                  <a:lnTo>
                    <a:pt x="2009" y="1467"/>
                  </a:lnTo>
                  <a:lnTo>
                    <a:pt x="2017" y="1467"/>
                  </a:lnTo>
                  <a:lnTo>
                    <a:pt x="2023" y="1467"/>
                  </a:lnTo>
                  <a:lnTo>
                    <a:pt x="2030" y="1470"/>
                  </a:lnTo>
                  <a:lnTo>
                    <a:pt x="2036" y="1474"/>
                  </a:lnTo>
                  <a:lnTo>
                    <a:pt x="2044" y="1480"/>
                  </a:lnTo>
                  <a:lnTo>
                    <a:pt x="2050" y="1488"/>
                  </a:lnTo>
                  <a:lnTo>
                    <a:pt x="2056" y="1497"/>
                  </a:lnTo>
                  <a:lnTo>
                    <a:pt x="2062" y="1507"/>
                  </a:lnTo>
                  <a:lnTo>
                    <a:pt x="2062" y="1507"/>
                  </a:lnTo>
                  <a:lnTo>
                    <a:pt x="2069" y="1519"/>
                  </a:lnTo>
                  <a:lnTo>
                    <a:pt x="2078" y="1532"/>
                  </a:lnTo>
                  <a:lnTo>
                    <a:pt x="2092" y="1547"/>
                  </a:lnTo>
                  <a:lnTo>
                    <a:pt x="2101" y="1555"/>
                  </a:lnTo>
                  <a:lnTo>
                    <a:pt x="2110" y="1562"/>
                  </a:lnTo>
                  <a:lnTo>
                    <a:pt x="2121" y="1568"/>
                  </a:lnTo>
                  <a:lnTo>
                    <a:pt x="2132" y="1574"/>
                  </a:lnTo>
                  <a:lnTo>
                    <a:pt x="2145" y="1580"/>
                  </a:lnTo>
                  <a:lnTo>
                    <a:pt x="2159" y="1583"/>
                  </a:lnTo>
                  <a:lnTo>
                    <a:pt x="2174" y="1586"/>
                  </a:lnTo>
                  <a:lnTo>
                    <a:pt x="2190" y="1588"/>
                  </a:lnTo>
                  <a:lnTo>
                    <a:pt x="2190" y="1588"/>
                  </a:lnTo>
                  <a:lnTo>
                    <a:pt x="2210" y="1586"/>
                  </a:lnTo>
                  <a:lnTo>
                    <a:pt x="2228" y="1583"/>
                  </a:lnTo>
                  <a:lnTo>
                    <a:pt x="2246" y="1577"/>
                  </a:lnTo>
                  <a:lnTo>
                    <a:pt x="2262" y="1570"/>
                  </a:lnTo>
                  <a:lnTo>
                    <a:pt x="2278" y="1559"/>
                  </a:lnTo>
                  <a:lnTo>
                    <a:pt x="2293" y="1547"/>
                  </a:lnTo>
                  <a:lnTo>
                    <a:pt x="2308" y="1535"/>
                  </a:lnTo>
                  <a:lnTo>
                    <a:pt x="2322" y="1520"/>
                  </a:lnTo>
                  <a:lnTo>
                    <a:pt x="2332" y="1504"/>
                  </a:lnTo>
                  <a:lnTo>
                    <a:pt x="2344" y="1486"/>
                  </a:lnTo>
                  <a:lnTo>
                    <a:pt x="2353" y="1467"/>
                  </a:lnTo>
                  <a:lnTo>
                    <a:pt x="2361" y="1447"/>
                  </a:lnTo>
                  <a:lnTo>
                    <a:pt x="2367" y="1426"/>
                  </a:lnTo>
                  <a:lnTo>
                    <a:pt x="2371" y="1404"/>
                  </a:lnTo>
                  <a:lnTo>
                    <a:pt x="2374" y="1381"/>
                  </a:lnTo>
                  <a:lnTo>
                    <a:pt x="2376" y="1358"/>
                  </a:lnTo>
                  <a:lnTo>
                    <a:pt x="2376" y="1358"/>
                  </a:lnTo>
                  <a:lnTo>
                    <a:pt x="2374" y="1335"/>
                  </a:lnTo>
                  <a:lnTo>
                    <a:pt x="2371" y="1311"/>
                  </a:lnTo>
                  <a:lnTo>
                    <a:pt x="2367" y="1290"/>
                  </a:lnTo>
                  <a:lnTo>
                    <a:pt x="2361" y="1269"/>
                  </a:lnTo>
                  <a:lnTo>
                    <a:pt x="2353" y="1248"/>
                  </a:lnTo>
                  <a:lnTo>
                    <a:pt x="2344" y="1229"/>
                  </a:lnTo>
                  <a:lnTo>
                    <a:pt x="2332" y="1213"/>
                  </a:lnTo>
                  <a:lnTo>
                    <a:pt x="2322" y="1196"/>
                  </a:lnTo>
                  <a:lnTo>
                    <a:pt x="2308" y="1181"/>
                  </a:lnTo>
                  <a:lnTo>
                    <a:pt x="2293" y="1168"/>
                  </a:lnTo>
                  <a:lnTo>
                    <a:pt x="2278" y="1156"/>
                  </a:lnTo>
                  <a:lnTo>
                    <a:pt x="2262" y="1147"/>
                  </a:lnTo>
                  <a:lnTo>
                    <a:pt x="2246" y="1139"/>
                  </a:lnTo>
                  <a:lnTo>
                    <a:pt x="2228" y="1133"/>
                  </a:lnTo>
                  <a:lnTo>
                    <a:pt x="2210" y="1130"/>
                  </a:lnTo>
                  <a:lnTo>
                    <a:pt x="2190" y="1129"/>
                  </a:lnTo>
                  <a:lnTo>
                    <a:pt x="2190" y="1129"/>
                  </a:lnTo>
                  <a:close/>
                </a:path>
              </a:pathLst>
            </a:custGeom>
            <a:solidFill>
              <a:schemeClr val="bg1">
                <a:lumMod val="75000"/>
              </a:schemeClr>
            </a:solidFill>
            <a:ln w="28575">
              <a:solidFill>
                <a:schemeClr val="bg1">
                  <a:lumMod val="50000"/>
                </a:schemeClr>
              </a:solidFill>
              <a:prstDash val="solid"/>
              <a:round/>
              <a:headEnd/>
              <a:tailEnd/>
            </a:ln>
          </p:spPr>
          <p:txBody>
            <a:bodyPr lIns="36000" tIns="324000" anchor="ctr"/>
            <a:lstStyle/>
            <a:p>
              <a:pPr algn="ctr" eaLnBrk="1" hangingPunct="1">
                <a:defRPr/>
              </a:pPr>
              <a:r>
                <a:rPr lang="en-US" dirty="0">
                  <a:cs typeface="Arial" charset="0"/>
                </a:rPr>
                <a:t>SAMHSA </a:t>
              </a:r>
            </a:p>
            <a:p>
              <a:pPr algn="ctr" eaLnBrk="1" hangingPunct="1">
                <a:defRPr/>
              </a:pPr>
              <a:r>
                <a:rPr lang="en-US" dirty="0">
                  <a:cs typeface="Arial" charset="0"/>
                </a:rPr>
                <a:t>OCP</a:t>
              </a:r>
              <a:endParaRPr lang="en-GB" dirty="0">
                <a:cs typeface="Arial" charset="0"/>
              </a:endParaRPr>
            </a:p>
          </p:txBody>
        </p:sp>
        <p:sp>
          <p:nvSpPr>
            <p:cNvPr id="33" name="Freeform 8">
              <a:extLst>
                <a:ext uri="{FF2B5EF4-FFF2-40B4-BE49-F238E27FC236}">
                  <a16:creationId xmlns:a16="http://schemas.microsoft.com/office/drawing/2014/main" id="{31F42768-56CD-294B-A3E2-E4A463BFBB42}"/>
                </a:ext>
              </a:extLst>
            </p:cNvPr>
            <p:cNvSpPr>
              <a:spLocks/>
            </p:cNvSpPr>
            <p:nvPr/>
          </p:nvSpPr>
          <p:spPr bwMode="auto">
            <a:xfrm>
              <a:off x="2931166" y="1656584"/>
              <a:ext cx="1885950" cy="1882775"/>
            </a:xfrm>
            <a:custGeom>
              <a:avLst/>
              <a:gdLst>
                <a:gd name="T0" fmla="*/ 2222 w 2377"/>
                <a:gd name="T1" fmla="*/ 795 h 2371"/>
                <a:gd name="T2" fmla="*/ 2275 w 2377"/>
                <a:gd name="T3" fmla="*/ 827 h 2371"/>
                <a:gd name="T4" fmla="*/ 2314 w 2377"/>
                <a:gd name="T5" fmla="*/ 882 h 2371"/>
                <a:gd name="T6" fmla="*/ 2362 w 2377"/>
                <a:gd name="T7" fmla="*/ 907 h 2371"/>
                <a:gd name="T8" fmla="*/ 395 w 2377"/>
                <a:gd name="T9" fmla="*/ 855 h 2371"/>
                <a:gd name="T10" fmla="*/ 386 w 2377"/>
                <a:gd name="T11" fmla="*/ 892 h 2371"/>
                <a:gd name="T12" fmla="*/ 358 w 2377"/>
                <a:gd name="T13" fmla="*/ 907 h 2371"/>
                <a:gd name="T14" fmla="*/ 325 w 2377"/>
                <a:gd name="T15" fmla="*/ 886 h 2371"/>
                <a:gd name="T16" fmla="*/ 296 w 2377"/>
                <a:gd name="T17" fmla="*/ 842 h 2371"/>
                <a:gd name="T18" fmla="*/ 242 w 2377"/>
                <a:gd name="T19" fmla="*/ 800 h 2371"/>
                <a:gd name="T20" fmla="*/ 184 w 2377"/>
                <a:gd name="T21" fmla="*/ 786 h 2371"/>
                <a:gd name="T22" fmla="*/ 96 w 2377"/>
                <a:gd name="T23" fmla="*/ 815 h 2371"/>
                <a:gd name="T24" fmla="*/ 32 w 2377"/>
                <a:gd name="T25" fmla="*/ 888 h 2371"/>
                <a:gd name="T26" fmla="*/ 0 w 2377"/>
                <a:gd name="T27" fmla="*/ 993 h 2371"/>
                <a:gd name="T28" fmla="*/ 8 w 2377"/>
                <a:gd name="T29" fmla="*/ 1084 h 2371"/>
                <a:gd name="T30" fmla="*/ 54 w 2377"/>
                <a:gd name="T31" fmla="*/ 1178 h 2371"/>
                <a:gd name="T32" fmla="*/ 129 w 2377"/>
                <a:gd name="T33" fmla="*/ 1235 h 2371"/>
                <a:gd name="T34" fmla="*/ 201 w 2377"/>
                <a:gd name="T35" fmla="*/ 1245 h 2371"/>
                <a:gd name="T36" fmla="*/ 265 w 2377"/>
                <a:gd name="T37" fmla="*/ 1220 h 2371"/>
                <a:gd name="T38" fmla="*/ 313 w 2377"/>
                <a:gd name="T39" fmla="*/ 1164 h 2371"/>
                <a:gd name="T40" fmla="*/ 338 w 2377"/>
                <a:gd name="T41" fmla="*/ 1133 h 2371"/>
                <a:gd name="T42" fmla="*/ 371 w 2377"/>
                <a:gd name="T43" fmla="*/ 1126 h 2371"/>
                <a:gd name="T44" fmla="*/ 392 w 2377"/>
                <a:gd name="T45" fmla="*/ 1155 h 2371"/>
                <a:gd name="T46" fmla="*/ 1256 w 2377"/>
                <a:gd name="T47" fmla="*/ 1976 h 2371"/>
                <a:gd name="T48" fmla="*/ 1298 w 2377"/>
                <a:gd name="T49" fmla="*/ 1990 h 2371"/>
                <a:gd name="T50" fmla="*/ 1305 w 2377"/>
                <a:gd name="T51" fmla="*/ 2020 h 2371"/>
                <a:gd name="T52" fmla="*/ 1275 w 2377"/>
                <a:gd name="T53" fmla="*/ 2052 h 2371"/>
                <a:gd name="T54" fmla="*/ 1225 w 2377"/>
                <a:gd name="T55" fmla="*/ 2088 h 2371"/>
                <a:gd name="T56" fmla="*/ 1193 w 2377"/>
                <a:gd name="T57" fmla="*/ 2141 h 2371"/>
                <a:gd name="T58" fmla="*/ 1186 w 2377"/>
                <a:gd name="T59" fmla="*/ 2206 h 2371"/>
                <a:gd name="T60" fmla="*/ 1225 w 2377"/>
                <a:gd name="T61" fmla="*/ 2290 h 2371"/>
                <a:gd name="T62" fmla="*/ 1305 w 2377"/>
                <a:gd name="T63" fmla="*/ 2348 h 2371"/>
                <a:gd name="T64" fmla="*/ 1414 w 2377"/>
                <a:gd name="T65" fmla="*/ 2371 h 2371"/>
                <a:gd name="T66" fmla="*/ 1504 w 2377"/>
                <a:gd name="T67" fmla="*/ 2357 h 2371"/>
                <a:gd name="T68" fmla="*/ 1591 w 2377"/>
                <a:gd name="T69" fmla="*/ 2304 h 2371"/>
                <a:gd name="T70" fmla="*/ 1639 w 2377"/>
                <a:gd name="T71" fmla="*/ 2224 h 2371"/>
                <a:gd name="T72" fmla="*/ 1640 w 2377"/>
                <a:gd name="T73" fmla="*/ 2156 h 2371"/>
                <a:gd name="T74" fmla="*/ 1612 w 2377"/>
                <a:gd name="T75" fmla="*/ 2097 h 2371"/>
                <a:gd name="T76" fmla="*/ 1564 w 2377"/>
                <a:gd name="T77" fmla="*/ 2057 h 2371"/>
                <a:gd name="T78" fmla="*/ 1526 w 2377"/>
                <a:gd name="T79" fmla="*/ 2026 h 2371"/>
                <a:gd name="T80" fmla="*/ 1526 w 2377"/>
                <a:gd name="T81" fmla="*/ 1994 h 2371"/>
                <a:gd name="T82" fmla="*/ 1564 w 2377"/>
                <a:gd name="T83" fmla="*/ 1976 h 2371"/>
                <a:gd name="T84" fmla="*/ 2370 w 2377"/>
                <a:gd name="T85" fmla="*/ 1130 h 2371"/>
                <a:gd name="T86" fmla="*/ 2323 w 2377"/>
                <a:gd name="T87" fmla="*/ 1139 h 2371"/>
                <a:gd name="T88" fmla="*/ 2289 w 2377"/>
                <a:gd name="T89" fmla="*/ 1191 h 2371"/>
                <a:gd name="T90" fmla="*/ 2235 w 2377"/>
                <a:gd name="T91" fmla="*/ 1233 h 2371"/>
                <a:gd name="T92" fmla="*/ 2177 w 2377"/>
                <a:gd name="T93" fmla="*/ 1245 h 2371"/>
                <a:gd name="T94" fmla="*/ 2089 w 2377"/>
                <a:gd name="T95" fmla="*/ 1218 h 2371"/>
                <a:gd name="T96" fmla="*/ 2024 w 2377"/>
                <a:gd name="T97" fmla="*/ 1145 h 2371"/>
                <a:gd name="T98" fmla="*/ 1993 w 2377"/>
                <a:gd name="T99" fmla="*/ 1040 h 2371"/>
                <a:gd name="T100" fmla="*/ 2000 w 2377"/>
                <a:gd name="T101" fmla="*/ 948 h 2371"/>
                <a:gd name="T102" fmla="*/ 2047 w 2377"/>
                <a:gd name="T103" fmla="*/ 855 h 2371"/>
                <a:gd name="T104" fmla="*/ 2121 w 2377"/>
                <a:gd name="T105" fmla="*/ 797 h 2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377" h="2371">
                  <a:moveTo>
                    <a:pt x="2177" y="788"/>
                  </a:moveTo>
                  <a:lnTo>
                    <a:pt x="2177" y="788"/>
                  </a:lnTo>
                  <a:lnTo>
                    <a:pt x="2193" y="788"/>
                  </a:lnTo>
                  <a:lnTo>
                    <a:pt x="2208" y="791"/>
                  </a:lnTo>
                  <a:lnTo>
                    <a:pt x="2222" y="795"/>
                  </a:lnTo>
                  <a:lnTo>
                    <a:pt x="2235" y="800"/>
                  </a:lnTo>
                  <a:lnTo>
                    <a:pt x="2247" y="806"/>
                  </a:lnTo>
                  <a:lnTo>
                    <a:pt x="2257" y="813"/>
                  </a:lnTo>
                  <a:lnTo>
                    <a:pt x="2266" y="819"/>
                  </a:lnTo>
                  <a:lnTo>
                    <a:pt x="2275" y="827"/>
                  </a:lnTo>
                  <a:lnTo>
                    <a:pt x="2289" y="842"/>
                  </a:lnTo>
                  <a:lnTo>
                    <a:pt x="2298" y="855"/>
                  </a:lnTo>
                  <a:lnTo>
                    <a:pt x="2305" y="867"/>
                  </a:lnTo>
                  <a:lnTo>
                    <a:pt x="2305" y="867"/>
                  </a:lnTo>
                  <a:lnTo>
                    <a:pt x="2314" y="882"/>
                  </a:lnTo>
                  <a:lnTo>
                    <a:pt x="2323" y="894"/>
                  </a:lnTo>
                  <a:lnTo>
                    <a:pt x="2334" y="901"/>
                  </a:lnTo>
                  <a:lnTo>
                    <a:pt x="2343" y="907"/>
                  </a:lnTo>
                  <a:lnTo>
                    <a:pt x="2353" y="909"/>
                  </a:lnTo>
                  <a:lnTo>
                    <a:pt x="2362" y="907"/>
                  </a:lnTo>
                  <a:lnTo>
                    <a:pt x="2370" y="903"/>
                  </a:lnTo>
                  <a:lnTo>
                    <a:pt x="2377" y="895"/>
                  </a:lnTo>
                  <a:lnTo>
                    <a:pt x="2377" y="0"/>
                  </a:lnTo>
                  <a:lnTo>
                    <a:pt x="395" y="0"/>
                  </a:lnTo>
                  <a:lnTo>
                    <a:pt x="395" y="855"/>
                  </a:lnTo>
                  <a:lnTo>
                    <a:pt x="395" y="855"/>
                  </a:lnTo>
                  <a:lnTo>
                    <a:pt x="393" y="867"/>
                  </a:lnTo>
                  <a:lnTo>
                    <a:pt x="392" y="877"/>
                  </a:lnTo>
                  <a:lnTo>
                    <a:pt x="389" y="886"/>
                  </a:lnTo>
                  <a:lnTo>
                    <a:pt x="386" y="892"/>
                  </a:lnTo>
                  <a:lnTo>
                    <a:pt x="382" y="898"/>
                  </a:lnTo>
                  <a:lnTo>
                    <a:pt x="377" y="903"/>
                  </a:lnTo>
                  <a:lnTo>
                    <a:pt x="371" y="906"/>
                  </a:lnTo>
                  <a:lnTo>
                    <a:pt x="365" y="907"/>
                  </a:lnTo>
                  <a:lnTo>
                    <a:pt x="358" y="907"/>
                  </a:lnTo>
                  <a:lnTo>
                    <a:pt x="352" y="907"/>
                  </a:lnTo>
                  <a:lnTo>
                    <a:pt x="344" y="904"/>
                  </a:lnTo>
                  <a:lnTo>
                    <a:pt x="338" y="900"/>
                  </a:lnTo>
                  <a:lnTo>
                    <a:pt x="331" y="894"/>
                  </a:lnTo>
                  <a:lnTo>
                    <a:pt x="325" y="886"/>
                  </a:lnTo>
                  <a:lnTo>
                    <a:pt x="319" y="877"/>
                  </a:lnTo>
                  <a:lnTo>
                    <a:pt x="313" y="867"/>
                  </a:lnTo>
                  <a:lnTo>
                    <a:pt x="313" y="867"/>
                  </a:lnTo>
                  <a:lnTo>
                    <a:pt x="305" y="855"/>
                  </a:lnTo>
                  <a:lnTo>
                    <a:pt x="296" y="842"/>
                  </a:lnTo>
                  <a:lnTo>
                    <a:pt x="283" y="827"/>
                  </a:lnTo>
                  <a:lnTo>
                    <a:pt x="274" y="819"/>
                  </a:lnTo>
                  <a:lnTo>
                    <a:pt x="265" y="812"/>
                  </a:lnTo>
                  <a:lnTo>
                    <a:pt x="254" y="806"/>
                  </a:lnTo>
                  <a:lnTo>
                    <a:pt x="242" y="800"/>
                  </a:lnTo>
                  <a:lnTo>
                    <a:pt x="229" y="794"/>
                  </a:lnTo>
                  <a:lnTo>
                    <a:pt x="216" y="791"/>
                  </a:lnTo>
                  <a:lnTo>
                    <a:pt x="201" y="788"/>
                  </a:lnTo>
                  <a:lnTo>
                    <a:pt x="184" y="786"/>
                  </a:lnTo>
                  <a:lnTo>
                    <a:pt x="184" y="786"/>
                  </a:lnTo>
                  <a:lnTo>
                    <a:pt x="165" y="788"/>
                  </a:lnTo>
                  <a:lnTo>
                    <a:pt x="147" y="791"/>
                  </a:lnTo>
                  <a:lnTo>
                    <a:pt x="129" y="797"/>
                  </a:lnTo>
                  <a:lnTo>
                    <a:pt x="112" y="804"/>
                  </a:lnTo>
                  <a:lnTo>
                    <a:pt x="96" y="815"/>
                  </a:lnTo>
                  <a:lnTo>
                    <a:pt x="81" y="825"/>
                  </a:lnTo>
                  <a:lnTo>
                    <a:pt x="66" y="839"/>
                  </a:lnTo>
                  <a:lnTo>
                    <a:pt x="54" y="854"/>
                  </a:lnTo>
                  <a:lnTo>
                    <a:pt x="42" y="870"/>
                  </a:lnTo>
                  <a:lnTo>
                    <a:pt x="32" y="888"/>
                  </a:lnTo>
                  <a:lnTo>
                    <a:pt x="21" y="907"/>
                  </a:lnTo>
                  <a:lnTo>
                    <a:pt x="14" y="927"/>
                  </a:lnTo>
                  <a:lnTo>
                    <a:pt x="8" y="948"/>
                  </a:lnTo>
                  <a:lnTo>
                    <a:pt x="3" y="970"/>
                  </a:lnTo>
                  <a:lnTo>
                    <a:pt x="0" y="993"/>
                  </a:lnTo>
                  <a:lnTo>
                    <a:pt x="0" y="1016"/>
                  </a:lnTo>
                  <a:lnTo>
                    <a:pt x="0" y="1016"/>
                  </a:lnTo>
                  <a:lnTo>
                    <a:pt x="0" y="1039"/>
                  </a:lnTo>
                  <a:lnTo>
                    <a:pt x="3" y="1063"/>
                  </a:lnTo>
                  <a:lnTo>
                    <a:pt x="8" y="1084"/>
                  </a:lnTo>
                  <a:lnTo>
                    <a:pt x="14" y="1105"/>
                  </a:lnTo>
                  <a:lnTo>
                    <a:pt x="21" y="1126"/>
                  </a:lnTo>
                  <a:lnTo>
                    <a:pt x="32" y="1145"/>
                  </a:lnTo>
                  <a:lnTo>
                    <a:pt x="42" y="1161"/>
                  </a:lnTo>
                  <a:lnTo>
                    <a:pt x="54" y="1178"/>
                  </a:lnTo>
                  <a:lnTo>
                    <a:pt x="66" y="1193"/>
                  </a:lnTo>
                  <a:lnTo>
                    <a:pt x="81" y="1206"/>
                  </a:lnTo>
                  <a:lnTo>
                    <a:pt x="96" y="1218"/>
                  </a:lnTo>
                  <a:lnTo>
                    <a:pt x="112" y="1227"/>
                  </a:lnTo>
                  <a:lnTo>
                    <a:pt x="129" y="1235"/>
                  </a:lnTo>
                  <a:lnTo>
                    <a:pt x="147" y="1241"/>
                  </a:lnTo>
                  <a:lnTo>
                    <a:pt x="165" y="1244"/>
                  </a:lnTo>
                  <a:lnTo>
                    <a:pt x="184" y="1245"/>
                  </a:lnTo>
                  <a:lnTo>
                    <a:pt x="184" y="1245"/>
                  </a:lnTo>
                  <a:lnTo>
                    <a:pt x="201" y="1245"/>
                  </a:lnTo>
                  <a:lnTo>
                    <a:pt x="216" y="1242"/>
                  </a:lnTo>
                  <a:lnTo>
                    <a:pt x="229" y="1238"/>
                  </a:lnTo>
                  <a:lnTo>
                    <a:pt x="242" y="1233"/>
                  </a:lnTo>
                  <a:lnTo>
                    <a:pt x="254" y="1227"/>
                  </a:lnTo>
                  <a:lnTo>
                    <a:pt x="265" y="1220"/>
                  </a:lnTo>
                  <a:lnTo>
                    <a:pt x="274" y="1212"/>
                  </a:lnTo>
                  <a:lnTo>
                    <a:pt x="283" y="1205"/>
                  </a:lnTo>
                  <a:lnTo>
                    <a:pt x="296" y="1190"/>
                  </a:lnTo>
                  <a:lnTo>
                    <a:pt x="305" y="1178"/>
                  </a:lnTo>
                  <a:lnTo>
                    <a:pt x="313" y="1164"/>
                  </a:lnTo>
                  <a:lnTo>
                    <a:pt x="313" y="1164"/>
                  </a:lnTo>
                  <a:lnTo>
                    <a:pt x="319" y="1155"/>
                  </a:lnTo>
                  <a:lnTo>
                    <a:pt x="325" y="1147"/>
                  </a:lnTo>
                  <a:lnTo>
                    <a:pt x="331" y="1139"/>
                  </a:lnTo>
                  <a:lnTo>
                    <a:pt x="338" y="1133"/>
                  </a:lnTo>
                  <a:lnTo>
                    <a:pt x="344" y="1129"/>
                  </a:lnTo>
                  <a:lnTo>
                    <a:pt x="352" y="1126"/>
                  </a:lnTo>
                  <a:lnTo>
                    <a:pt x="358" y="1124"/>
                  </a:lnTo>
                  <a:lnTo>
                    <a:pt x="365" y="1124"/>
                  </a:lnTo>
                  <a:lnTo>
                    <a:pt x="371" y="1126"/>
                  </a:lnTo>
                  <a:lnTo>
                    <a:pt x="377" y="1129"/>
                  </a:lnTo>
                  <a:lnTo>
                    <a:pt x="382" y="1133"/>
                  </a:lnTo>
                  <a:lnTo>
                    <a:pt x="386" y="1139"/>
                  </a:lnTo>
                  <a:lnTo>
                    <a:pt x="389" y="1147"/>
                  </a:lnTo>
                  <a:lnTo>
                    <a:pt x="392" y="1155"/>
                  </a:lnTo>
                  <a:lnTo>
                    <a:pt x="393" y="1166"/>
                  </a:lnTo>
                  <a:lnTo>
                    <a:pt x="395" y="1176"/>
                  </a:lnTo>
                  <a:lnTo>
                    <a:pt x="395" y="1979"/>
                  </a:lnTo>
                  <a:lnTo>
                    <a:pt x="1256" y="1976"/>
                  </a:lnTo>
                  <a:lnTo>
                    <a:pt x="1256" y="1976"/>
                  </a:lnTo>
                  <a:lnTo>
                    <a:pt x="1266" y="1978"/>
                  </a:lnTo>
                  <a:lnTo>
                    <a:pt x="1277" y="1979"/>
                  </a:lnTo>
                  <a:lnTo>
                    <a:pt x="1286" y="1982"/>
                  </a:lnTo>
                  <a:lnTo>
                    <a:pt x="1292" y="1985"/>
                  </a:lnTo>
                  <a:lnTo>
                    <a:pt x="1298" y="1990"/>
                  </a:lnTo>
                  <a:lnTo>
                    <a:pt x="1302" y="1996"/>
                  </a:lnTo>
                  <a:lnTo>
                    <a:pt x="1305" y="2000"/>
                  </a:lnTo>
                  <a:lnTo>
                    <a:pt x="1307" y="2006"/>
                  </a:lnTo>
                  <a:lnTo>
                    <a:pt x="1307" y="2014"/>
                  </a:lnTo>
                  <a:lnTo>
                    <a:pt x="1305" y="2020"/>
                  </a:lnTo>
                  <a:lnTo>
                    <a:pt x="1302" y="2027"/>
                  </a:lnTo>
                  <a:lnTo>
                    <a:pt x="1298" y="2033"/>
                  </a:lnTo>
                  <a:lnTo>
                    <a:pt x="1292" y="2040"/>
                  </a:lnTo>
                  <a:lnTo>
                    <a:pt x="1284" y="2046"/>
                  </a:lnTo>
                  <a:lnTo>
                    <a:pt x="1275" y="2052"/>
                  </a:lnTo>
                  <a:lnTo>
                    <a:pt x="1265" y="2057"/>
                  </a:lnTo>
                  <a:lnTo>
                    <a:pt x="1265" y="2057"/>
                  </a:lnTo>
                  <a:lnTo>
                    <a:pt x="1253" y="2064"/>
                  </a:lnTo>
                  <a:lnTo>
                    <a:pt x="1239" y="2075"/>
                  </a:lnTo>
                  <a:lnTo>
                    <a:pt x="1225" y="2088"/>
                  </a:lnTo>
                  <a:lnTo>
                    <a:pt x="1217" y="2097"/>
                  </a:lnTo>
                  <a:lnTo>
                    <a:pt x="1211" y="2106"/>
                  </a:lnTo>
                  <a:lnTo>
                    <a:pt x="1204" y="2117"/>
                  </a:lnTo>
                  <a:lnTo>
                    <a:pt x="1198" y="2129"/>
                  </a:lnTo>
                  <a:lnTo>
                    <a:pt x="1193" y="2141"/>
                  </a:lnTo>
                  <a:lnTo>
                    <a:pt x="1189" y="2156"/>
                  </a:lnTo>
                  <a:lnTo>
                    <a:pt x="1186" y="2171"/>
                  </a:lnTo>
                  <a:lnTo>
                    <a:pt x="1186" y="2187"/>
                  </a:lnTo>
                  <a:lnTo>
                    <a:pt x="1186" y="2187"/>
                  </a:lnTo>
                  <a:lnTo>
                    <a:pt x="1186" y="2206"/>
                  </a:lnTo>
                  <a:lnTo>
                    <a:pt x="1190" y="2224"/>
                  </a:lnTo>
                  <a:lnTo>
                    <a:pt x="1196" y="2242"/>
                  </a:lnTo>
                  <a:lnTo>
                    <a:pt x="1204" y="2259"/>
                  </a:lnTo>
                  <a:lnTo>
                    <a:pt x="1213" y="2275"/>
                  </a:lnTo>
                  <a:lnTo>
                    <a:pt x="1225" y="2290"/>
                  </a:lnTo>
                  <a:lnTo>
                    <a:pt x="1238" y="2304"/>
                  </a:lnTo>
                  <a:lnTo>
                    <a:pt x="1253" y="2317"/>
                  </a:lnTo>
                  <a:lnTo>
                    <a:pt x="1268" y="2329"/>
                  </a:lnTo>
                  <a:lnTo>
                    <a:pt x="1286" y="2339"/>
                  </a:lnTo>
                  <a:lnTo>
                    <a:pt x="1305" y="2348"/>
                  </a:lnTo>
                  <a:lnTo>
                    <a:pt x="1325" y="2357"/>
                  </a:lnTo>
                  <a:lnTo>
                    <a:pt x="1346" y="2363"/>
                  </a:lnTo>
                  <a:lnTo>
                    <a:pt x="1368" y="2368"/>
                  </a:lnTo>
                  <a:lnTo>
                    <a:pt x="1390" y="2371"/>
                  </a:lnTo>
                  <a:lnTo>
                    <a:pt x="1414" y="2371"/>
                  </a:lnTo>
                  <a:lnTo>
                    <a:pt x="1414" y="2371"/>
                  </a:lnTo>
                  <a:lnTo>
                    <a:pt x="1438" y="2371"/>
                  </a:lnTo>
                  <a:lnTo>
                    <a:pt x="1461" y="2368"/>
                  </a:lnTo>
                  <a:lnTo>
                    <a:pt x="1483" y="2363"/>
                  </a:lnTo>
                  <a:lnTo>
                    <a:pt x="1504" y="2357"/>
                  </a:lnTo>
                  <a:lnTo>
                    <a:pt x="1523" y="2348"/>
                  </a:lnTo>
                  <a:lnTo>
                    <a:pt x="1543" y="2339"/>
                  </a:lnTo>
                  <a:lnTo>
                    <a:pt x="1561" y="2329"/>
                  </a:lnTo>
                  <a:lnTo>
                    <a:pt x="1577" y="2317"/>
                  </a:lnTo>
                  <a:lnTo>
                    <a:pt x="1591" y="2304"/>
                  </a:lnTo>
                  <a:lnTo>
                    <a:pt x="1604" y="2290"/>
                  </a:lnTo>
                  <a:lnTo>
                    <a:pt x="1616" y="2275"/>
                  </a:lnTo>
                  <a:lnTo>
                    <a:pt x="1625" y="2259"/>
                  </a:lnTo>
                  <a:lnTo>
                    <a:pt x="1634" y="2242"/>
                  </a:lnTo>
                  <a:lnTo>
                    <a:pt x="1639" y="2224"/>
                  </a:lnTo>
                  <a:lnTo>
                    <a:pt x="1643" y="2206"/>
                  </a:lnTo>
                  <a:lnTo>
                    <a:pt x="1645" y="2187"/>
                  </a:lnTo>
                  <a:lnTo>
                    <a:pt x="1645" y="2187"/>
                  </a:lnTo>
                  <a:lnTo>
                    <a:pt x="1643" y="2171"/>
                  </a:lnTo>
                  <a:lnTo>
                    <a:pt x="1640" y="2156"/>
                  </a:lnTo>
                  <a:lnTo>
                    <a:pt x="1637" y="2141"/>
                  </a:lnTo>
                  <a:lnTo>
                    <a:pt x="1631" y="2129"/>
                  </a:lnTo>
                  <a:lnTo>
                    <a:pt x="1625" y="2117"/>
                  </a:lnTo>
                  <a:lnTo>
                    <a:pt x="1619" y="2106"/>
                  </a:lnTo>
                  <a:lnTo>
                    <a:pt x="1612" y="2097"/>
                  </a:lnTo>
                  <a:lnTo>
                    <a:pt x="1604" y="2088"/>
                  </a:lnTo>
                  <a:lnTo>
                    <a:pt x="1589" y="2075"/>
                  </a:lnTo>
                  <a:lnTo>
                    <a:pt x="1576" y="2064"/>
                  </a:lnTo>
                  <a:lnTo>
                    <a:pt x="1564" y="2057"/>
                  </a:lnTo>
                  <a:lnTo>
                    <a:pt x="1564" y="2057"/>
                  </a:lnTo>
                  <a:lnTo>
                    <a:pt x="1553" y="2052"/>
                  </a:lnTo>
                  <a:lnTo>
                    <a:pt x="1544" y="2046"/>
                  </a:lnTo>
                  <a:lnTo>
                    <a:pt x="1537" y="2039"/>
                  </a:lnTo>
                  <a:lnTo>
                    <a:pt x="1531" y="2033"/>
                  </a:lnTo>
                  <a:lnTo>
                    <a:pt x="1526" y="2026"/>
                  </a:lnTo>
                  <a:lnTo>
                    <a:pt x="1523" y="2020"/>
                  </a:lnTo>
                  <a:lnTo>
                    <a:pt x="1522" y="2012"/>
                  </a:lnTo>
                  <a:lnTo>
                    <a:pt x="1522" y="2006"/>
                  </a:lnTo>
                  <a:lnTo>
                    <a:pt x="1523" y="2000"/>
                  </a:lnTo>
                  <a:lnTo>
                    <a:pt x="1526" y="1994"/>
                  </a:lnTo>
                  <a:lnTo>
                    <a:pt x="1531" y="1990"/>
                  </a:lnTo>
                  <a:lnTo>
                    <a:pt x="1537" y="1985"/>
                  </a:lnTo>
                  <a:lnTo>
                    <a:pt x="1544" y="1981"/>
                  </a:lnTo>
                  <a:lnTo>
                    <a:pt x="1553" y="1978"/>
                  </a:lnTo>
                  <a:lnTo>
                    <a:pt x="1564" y="1976"/>
                  </a:lnTo>
                  <a:lnTo>
                    <a:pt x="1576" y="1976"/>
                  </a:lnTo>
                  <a:lnTo>
                    <a:pt x="2377" y="1976"/>
                  </a:lnTo>
                  <a:lnTo>
                    <a:pt x="2377" y="1138"/>
                  </a:lnTo>
                  <a:lnTo>
                    <a:pt x="2377" y="1138"/>
                  </a:lnTo>
                  <a:lnTo>
                    <a:pt x="2370" y="1130"/>
                  </a:lnTo>
                  <a:lnTo>
                    <a:pt x="2362" y="1126"/>
                  </a:lnTo>
                  <a:lnTo>
                    <a:pt x="2353" y="1124"/>
                  </a:lnTo>
                  <a:lnTo>
                    <a:pt x="2343" y="1127"/>
                  </a:lnTo>
                  <a:lnTo>
                    <a:pt x="2334" y="1132"/>
                  </a:lnTo>
                  <a:lnTo>
                    <a:pt x="2323" y="1139"/>
                  </a:lnTo>
                  <a:lnTo>
                    <a:pt x="2314" y="1151"/>
                  </a:lnTo>
                  <a:lnTo>
                    <a:pt x="2305" y="1166"/>
                  </a:lnTo>
                  <a:lnTo>
                    <a:pt x="2305" y="1166"/>
                  </a:lnTo>
                  <a:lnTo>
                    <a:pt x="2298" y="1178"/>
                  </a:lnTo>
                  <a:lnTo>
                    <a:pt x="2289" y="1191"/>
                  </a:lnTo>
                  <a:lnTo>
                    <a:pt x="2275" y="1206"/>
                  </a:lnTo>
                  <a:lnTo>
                    <a:pt x="2266" y="1214"/>
                  </a:lnTo>
                  <a:lnTo>
                    <a:pt x="2257" y="1220"/>
                  </a:lnTo>
                  <a:lnTo>
                    <a:pt x="2247" y="1227"/>
                  </a:lnTo>
                  <a:lnTo>
                    <a:pt x="2235" y="1233"/>
                  </a:lnTo>
                  <a:lnTo>
                    <a:pt x="2222" y="1239"/>
                  </a:lnTo>
                  <a:lnTo>
                    <a:pt x="2208" y="1242"/>
                  </a:lnTo>
                  <a:lnTo>
                    <a:pt x="2193" y="1245"/>
                  </a:lnTo>
                  <a:lnTo>
                    <a:pt x="2177" y="1245"/>
                  </a:lnTo>
                  <a:lnTo>
                    <a:pt x="2177" y="1245"/>
                  </a:lnTo>
                  <a:lnTo>
                    <a:pt x="2157" y="1245"/>
                  </a:lnTo>
                  <a:lnTo>
                    <a:pt x="2139" y="1241"/>
                  </a:lnTo>
                  <a:lnTo>
                    <a:pt x="2121" y="1236"/>
                  </a:lnTo>
                  <a:lnTo>
                    <a:pt x="2105" y="1227"/>
                  </a:lnTo>
                  <a:lnTo>
                    <a:pt x="2089" y="1218"/>
                  </a:lnTo>
                  <a:lnTo>
                    <a:pt x="2074" y="1206"/>
                  </a:lnTo>
                  <a:lnTo>
                    <a:pt x="2060" y="1193"/>
                  </a:lnTo>
                  <a:lnTo>
                    <a:pt x="2047" y="1179"/>
                  </a:lnTo>
                  <a:lnTo>
                    <a:pt x="2035" y="1163"/>
                  </a:lnTo>
                  <a:lnTo>
                    <a:pt x="2024" y="1145"/>
                  </a:lnTo>
                  <a:lnTo>
                    <a:pt x="2015" y="1126"/>
                  </a:lnTo>
                  <a:lnTo>
                    <a:pt x="2006" y="1106"/>
                  </a:lnTo>
                  <a:lnTo>
                    <a:pt x="2000" y="1085"/>
                  </a:lnTo>
                  <a:lnTo>
                    <a:pt x="1996" y="1063"/>
                  </a:lnTo>
                  <a:lnTo>
                    <a:pt x="1993" y="1040"/>
                  </a:lnTo>
                  <a:lnTo>
                    <a:pt x="1993" y="1016"/>
                  </a:lnTo>
                  <a:lnTo>
                    <a:pt x="1993" y="1016"/>
                  </a:lnTo>
                  <a:lnTo>
                    <a:pt x="1993" y="993"/>
                  </a:lnTo>
                  <a:lnTo>
                    <a:pt x="1996" y="970"/>
                  </a:lnTo>
                  <a:lnTo>
                    <a:pt x="2000" y="948"/>
                  </a:lnTo>
                  <a:lnTo>
                    <a:pt x="2006" y="927"/>
                  </a:lnTo>
                  <a:lnTo>
                    <a:pt x="2015" y="907"/>
                  </a:lnTo>
                  <a:lnTo>
                    <a:pt x="2024" y="888"/>
                  </a:lnTo>
                  <a:lnTo>
                    <a:pt x="2035" y="870"/>
                  </a:lnTo>
                  <a:lnTo>
                    <a:pt x="2047" y="855"/>
                  </a:lnTo>
                  <a:lnTo>
                    <a:pt x="2060" y="840"/>
                  </a:lnTo>
                  <a:lnTo>
                    <a:pt x="2074" y="827"/>
                  </a:lnTo>
                  <a:lnTo>
                    <a:pt x="2089" y="815"/>
                  </a:lnTo>
                  <a:lnTo>
                    <a:pt x="2105" y="806"/>
                  </a:lnTo>
                  <a:lnTo>
                    <a:pt x="2121" y="797"/>
                  </a:lnTo>
                  <a:lnTo>
                    <a:pt x="2139" y="792"/>
                  </a:lnTo>
                  <a:lnTo>
                    <a:pt x="2157" y="788"/>
                  </a:lnTo>
                  <a:lnTo>
                    <a:pt x="2177" y="788"/>
                  </a:lnTo>
                  <a:lnTo>
                    <a:pt x="2177" y="788"/>
                  </a:lnTo>
                  <a:close/>
                </a:path>
              </a:pathLst>
            </a:custGeom>
            <a:solidFill>
              <a:schemeClr val="accent6">
                <a:lumMod val="40000"/>
                <a:lumOff val="60000"/>
              </a:schemeClr>
            </a:solidFill>
            <a:ln w="28575">
              <a:solidFill>
                <a:schemeClr val="bg1">
                  <a:lumMod val="50000"/>
                </a:schemeClr>
              </a:solidFill>
              <a:prstDash val="solid"/>
              <a:round/>
              <a:headEnd/>
              <a:tailEnd/>
            </a:ln>
          </p:spPr>
          <p:txBody>
            <a:bodyPr bIns="360000" anchor="ctr"/>
            <a:lstStyle/>
            <a:p>
              <a:pPr algn="ctr">
                <a:defRPr/>
              </a:pPr>
              <a:r>
                <a:rPr lang="en-GB" sz="3200" dirty="0">
                  <a:solidFill>
                    <a:srgbClr val="FF0000"/>
                  </a:solidFill>
                  <a:cs typeface="Arial" charset="0"/>
                </a:rPr>
                <a:t>*</a:t>
              </a:r>
            </a:p>
            <a:p>
              <a:pPr algn="ctr">
                <a:defRPr/>
              </a:pPr>
              <a:r>
                <a:rPr lang="en-GB" dirty="0">
                  <a:cs typeface="Arial" charset="0"/>
                </a:rPr>
                <a:t>Cancer</a:t>
              </a:r>
            </a:p>
            <a:p>
              <a:pPr algn="ctr">
                <a:defRPr/>
              </a:pPr>
              <a:r>
                <a:rPr lang="en-US" dirty="0">
                  <a:cs typeface="Arial" charset="0"/>
                </a:rPr>
                <a:t>(</a:t>
              </a:r>
              <a:r>
                <a:rPr lang="en-US" dirty="0" err="1">
                  <a:cs typeface="Arial" charset="0"/>
                </a:rPr>
                <a:t>MedMorph</a:t>
              </a:r>
              <a:r>
                <a:rPr lang="en-US" dirty="0">
                  <a:cs typeface="Arial" charset="0"/>
                </a:rPr>
                <a:t>)</a:t>
              </a:r>
              <a:endParaRPr lang="en-GB" dirty="0">
                <a:cs typeface="Arial" charset="0"/>
              </a:endParaRPr>
            </a:p>
          </p:txBody>
        </p:sp>
        <p:sp>
          <p:nvSpPr>
            <p:cNvPr id="34" name="Freeform 9">
              <a:extLst>
                <a:ext uri="{FF2B5EF4-FFF2-40B4-BE49-F238E27FC236}">
                  <a16:creationId xmlns:a16="http://schemas.microsoft.com/office/drawing/2014/main" id="{63A71B87-34BA-3C4B-9732-4C0FEF67745B}"/>
                </a:ext>
              </a:extLst>
            </p:cNvPr>
            <p:cNvSpPr>
              <a:spLocks/>
            </p:cNvSpPr>
            <p:nvPr/>
          </p:nvSpPr>
          <p:spPr bwMode="auto">
            <a:xfrm>
              <a:off x="2934342" y="3214789"/>
              <a:ext cx="2200275" cy="1568450"/>
            </a:xfrm>
            <a:custGeom>
              <a:avLst/>
              <a:gdLst>
                <a:gd name="T0" fmla="*/ 2529 w 2773"/>
                <a:gd name="T1" fmla="*/ 743 h 1976"/>
                <a:gd name="T2" fmla="*/ 2466 w 2773"/>
                <a:gd name="T3" fmla="*/ 798 h 1976"/>
                <a:gd name="T4" fmla="*/ 2421 w 2773"/>
                <a:gd name="T5" fmla="*/ 849 h 1976"/>
                <a:gd name="T6" fmla="*/ 2382 w 2773"/>
                <a:gd name="T7" fmla="*/ 831 h 1976"/>
                <a:gd name="T8" fmla="*/ 2375 w 2773"/>
                <a:gd name="T9" fmla="*/ 0 h 1976"/>
                <a:gd name="T10" fmla="*/ 1536 w 2773"/>
                <a:gd name="T11" fmla="*/ 9 h 1976"/>
                <a:gd name="T12" fmla="*/ 1523 w 2773"/>
                <a:gd name="T13" fmla="*/ 43 h 1976"/>
                <a:gd name="T14" fmla="*/ 1562 w 2773"/>
                <a:gd name="T15" fmla="*/ 82 h 1976"/>
                <a:gd name="T16" fmla="*/ 1617 w 2773"/>
                <a:gd name="T17" fmla="*/ 130 h 1976"/>
                <a:gd name="T18" fmla="*/ 1643 w 2773"/>
                <a:gd name="T19" fmla="*/ 210 h 1976"/>
                <a:gd name="T20" fmla="*/ 1614 w 2773"/>
                <a:gd name="T21" fmla="*/ 299 h 1976"/>
                <a:gd name="T22" fmla="*/ 1521 w 2773"/>
                <a:gd name="T23" fmla="*/ 373 h 1976"/>
                <a:gd name="T24" fmla="*/ 1412 w 2773"/>
                <a:gd name="T25" fmla="*/ 396 h 1976"/>
                <a:gd name="T26" fmla="*/ 1284 w 2773"/>
                <a:gd name="T27" fmla="*/ 363 h 1976"/>
                <a:gd name="T28" fmla="*/ 1202 w 2773"/>
                <a:gd name="T29" fmla="*/ 282 h 1976"/>
                <a:gd name="T30" fmla="*/ 1184 w 2773"/>
                <a:gd name="T31" fmla="*/ 194 h 1976"/>
                <a:gd name="T32" fmla="*/ 1217 w 2773"/>
                <a:gd name="T33" fmla="*/ 121 h 1976"/>
                <a:gd name="T34" fmla="*/ 1275 w 2773"/>
                <a:gd name="T35" fmla="*/ 76 h 1976"/>
                <a:gd name="T36" fmla="*/ 1305 w 2773"/>
                <a:gd name="T37" fmla="*/ 37 h 1976"/>
                <a:gd name="T38" fmla="*/ 1282 w 2773"/>
                <a:gd name="T39" fmla="*/ 6 h 1976"/>
                <a:gd name="T40" fmla="*/ 394 w 2773"/>
                <a:gd name="T41" fmla="*/ 454 h 1976"/>
                <a:gd name="T42" fmla="*/ 384 w 2773"/>
                <a:gd name="T43" fmla="*/ 897 h 1976"/>
                <a:gd name="T44" fmla="*/ 341 w 2773"/>
                <a:gd name="T45" fmla="*/ 903 h 1976"/>
                <a:gd name="T46" fmla="*/ 296 w 2773"/>
                <a:gd name="T47" fmla="*/ 843 h 1976"/>
                <a:gd name="T48" fmla="*/ 230 w 2773"/>
                <a:gd name="T49" fmla="*/ 795 h 1976"/>
                <a:gd name="T50" fmla="*/ 146 w 2773"/>
                <a:gd name="T51" fmla="*/ 792 h 1976"/>
                <a:gd name="T52" fmla="*/ 54 w 2773"/>
                <a:gd name="T53" fmla="*/ 855 h 1976"/>
                <a:gd name="T54" fmla="*/ 3 w 2773"/>
                <a:gd name="T55" fmla="*/ 971 h 1976"/>
                <a:gd name="T56" fmla="*/ 7 w 2773"/>
                <a:gd name="T57" fmla="*/ 1085 h 1976"/>
                <a:gd name="T58" fmla="*/ 67 w 2773"/>
                <a:gd name="T59" fmla="*/ 1194 h 1976"/>
                <a:gd name="T60" fmla="*/ 166 w 2773"/>
                <a:gd name="T61" fmla="*/ 1245 h 1976"/>
                <a:gd name="T62" fmla="*/ 242 w 2773"/>
                <a:gd name="T63" fmla="*/ 1234 h 1976"/>
                <a:gd name="T64" fmla="*/ 306 w 2773"/>
                <a:gd name="T65" fmla="*/ 1179 h 1976"/>
                <a:gd name="T66" fmla="*/ 350 w 2773"/>
                <a:gd name="T67" fmla="*/ 1127 h 1976"/>
                <a:gd name="T68" fmla="*/ 388 w 2773"/>
                <a:gd name="T69" fmla="*/ 1145 h 1976"/>
                <a:gd name="T70" fmla="*/ 396 w 2773"/>
                <a:gd name="T71" fmla="*/ 1976 h 1976"/>
                <a:gd name="T72" fmla="*/ 1236 w 2773"/>
                <a:gd name="T73" fmla="*/ 1967 h 1976"/>
                <a:gd name="T74" fmla="*/ 1249 w 2773"/>
                <a:gd name="T75" fmla="*/ 1933 h 1976"/>
                <a:gd name="T76" fmla="*/ 1211 w 2773"/>
                <a:gd name="T77" fmla="*/ 1894 h 1976"/>
                <a:gd name="T78" fmla="*/ 1155 w 2773"/>
                <a:gd name="T79" fmla="*/ 1846 h 1976"/>
                <a:gd name="T80" fmla="*/ 1130 w 2773"/>
                <a:gd name="T81" fmla="*/ 1765 h 1976"/>
                <a:gd name="T82" fmla="*/ 1157 w 2773"/>
                <a:gd name="T83" fmla="*/ 1677 h 1976"/>
                <a:gd name="T84" fmla="*/ 1249 w 2773"/>
                <a:gd name="T85" fmla="*/ 1604 h 1976"/>
                <a:gd name="T86" fmla="*/ 1359 w 2773"/>
                <a:gd name="T87" fmla="*/ 1581 h 1976"/>
                <a:gd name="T88" fmla="*/ 1487 w 2773"/>
                <a:gd name="T89" fmla="*/ 1613 h 1976"/>
                <a:gd name="T90" fmla="*/ 1571 w 2773"/>
                <a:gd name="T91" fmla="*/ 1693 h 1976"/>
                <a:gd name="T92" fmla="*/ 1587 w 2773"/>
                <a:gd name="T93" fmla="*/ 1782 h 1976"/>
                <a:gd name="T94" fmla="*/ 1556 w 2773"/>
                <a:gd name="T95" fmla="*/ 1855 h 1976"/>
                <a:gd name="T96" fmla="*/ 1498 w 2773"/>
                <a:gd name="T97" fmla="*/ 1900 h 1976"/>
                <a:gd name="T98" fmla="*/ 1468 w 2773"/>
                <a:gd name="T99" fmla="*/ 1940 h 1976"/>
                <a:gd name="T100" fmla="*/ 1489 w 2773"/>
                <a:gd name="T101" fmla="*/ 1971 h 1976"/>
                <a:gd name="T102" fmla="*/ 2376 w 2773"/>
                <a:gd name="T103" fmla="*/ 1521 h 1976"/>
                <a:gd name="T104" fmla="*/ 2387 w 2773"/>
                <a:gd name="T105" fmla="*/ 1079 h 1976"/>
                <a:gd name="T106" fmla="*/ 2432 w 2773"/>
                <a:gd name="T107" fmla="*/ 1074 h 1976"/>
                <a:gd name="T108" fmla="*/ 2475 w 2773"/>
                <a:gd name="T109" fmla="*/ 1133 h 1976"/>
                <a:gd name="T110" fmla="*/ 2542 w 2773"/>
                <a:gd name="T111" fmla="*/ 1181 h 1976"/>
                <a:gd name="T112" fmla="*/ 2625 w 2773"/>
                <a:gd name="T113" fmla="*/ 1184 h 1976"/>
                <a:gd name="T114" fmla="*/ 2719 w 2773"/>
                <a:gd name="T115" fmla="*/ 1121 h 1976"/>
                <a:gd name="T116" fmla="*/ 2768 w 2773"/>
                <a:gd name="T117" fmla="*/ 1006 h 1976"/>
                <a:gd name="T118" fmla="*/ 2764 w 2773"/>
                <a:gd name="T119" fmla="*/ 891 h 1976"/>
                <a:gd name="T120" fmla="*/ 2705 w 2773"/>
                <a:gd name="T121" fmla="*/ 781 h 1976"/>
                <a:gd name="T122" fmla="*/ 2607 w 2773"/>
                <a:gd name="T123" fmla="*/ 731 h 19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773" h="1976">
                  <a:moveTo>
                    <a:pt x="2587" y="729"/>
                  </a:moveTo>
                  <a:lnTo>
                    <a:pt x="2587" y="729"/>
                  </a:lnTo>
                  <a:lnTo>
                    <a:pt x="2571" y="731"/>
                  </a:lnTo>
                  <a:lnTo>
                    <a:pt x="2556" y="734"/>
                  </a:lnTo>
                  <a:lnTo>
                    <a:pt x="2542" y="737"/>
                  </a:lnTo>
                  <a:lnTo>
                    <a:pt x="2529" y="743"/>
                  </a:lnTo>
                  <a:lnTo>
                    <a:pt x="2518" y="749"/>
                  </a:lnTo>
                  <a:lnTo>
                    <a:pt x="2507" y="755"/>
                  </a:lnTo>
                  <a:lnTo>
                    <a:pt x="2498" y="762"/>
                  </a:lnTo>
                  <a:lnTo>
                    <a:pt x="2489" y="770"/>
                  </a:lnTo>
                  <a:lnTo>
                    <a:pt x="2475" y="784"/>
                  </a:lnTo>
                  <a:lnTo>
                    <a:pt x="2466" y="798"/>
                  </a:lnTo>
                  <a:lnTo>
                    <a:pt x="2459" y="810"/>
                  </a:lnTo>
                  <a:lnTo>
                    <a:pt x="2459" y="810"/>
                  </a:lnTo>
                  <a:lnTo>
                    <a:pt x="2450" y="825"/>
                  </a:lnTo>
                  <a:lnTo>
                    <a:pt x="2441" y="835"/>
                  </a:lnTo>
                  <a:lnTo>
                    <a:pt x="2432" y="844"/>
                  </a:lnTo>
                  <a:lnTo>
                    <a:pt x="2421" y="849"/>
                  </a:lnTo>
                  <a:lnTo>
                    <a:pt x="2412" y="850"/>
                  </a:lnTo>
                  <a:lnTo>
                    <a:pt x="2403" y="850"/>
                  </a:lnTo>
                  <a:lnTo>
                    <a:pt x="2394" y="846"/>
                  </a:lnTo>
                  <a:lnTo>
                    <a:pt x="2387" y="838"/>
                  </a:lnTo>
                  <a:lnTo>
                    <a:pt x="2387" y="838"/>
                  </a:lnTo>
                  <a:lnTo>
                    <a:pt x="2382" y="831"/>
                  </a:lnTo>
                  <a:lnTo>
                    <a:pt x="2379" y="822"/>
                  </a:lnTo>
                  <a:lnTo>
                    <a:pt x="2378" y="810"/>
                  </a:lnTo>
                  <a:lnTo>
                    <a:pt x="2376" y="798"/>
                  </a:lnTo>
                  <a:lnTo>
                    <a:pt x="2376" y="547"/>
                  </a:lnTo>
                  <a:lnTo>
                    <a:pt x="2375" y="547"/>
                  </a:lnTo>
                  <a:lnTo>
                    <a:pt x="2375" y="0"/>
                  </a:lnTo>
                  <a:lnTo>
                    <a:pt x="1574" y="0"/>
                  </a:lnTo>
                  <a:lnTo>
                    <a:pt x="1574" y="0"/>
                  </a:lnTo>
                  <a:lnTo>
                    <a:pt x="1562" y="1"/>
                  </a:lnTo>
                  <a:lnTo>
                    <a:pt x="1551" y="3"/>
                  </a:lnTo>
                  <a:lnTo>
                    <a:pt x="1542" y="6"/>
                  </a:lnTo>
                  <a:lnTo>
                    <a:pt x="1536" y="9"/>
                  </a:lnTo>
                  <a:lnTo>
                    <a:pt x="1530" y="13"/>
                  </a:lnTo>
                  <a:lnTo>
                    <a:pt x="1526" y="18"/>
                  </a:lnTo>
                  <a:lnTo>
                    <a:pt x="1523" y="24"/>
                  </a:lnTo>
                  <a:lnTo>
                    <a:pt x="1521" y="30"/>
                  </a:lnTo>
                  <a:lnTo>
                    <a:pt x="1521" y="37"/>
                  </a:lnTo>
                  <a:lnTo>
                    <a:pt x="1523" y="43"/>
                  </a:lnTo>
                  <a:lnTo>
                    <a:pt x="1524" y="50"/>
                  </a:lnTo>
                  <a:lnTo>
                    <a:pt x="1529" y="56"/>
                  </a:lnTo>
                  <a:lnTo>
                    <a:pt x="1535" y="64"/>
                  </a:lnTo>
                  <a:lnTo>
                    <a:pt x="1542" y="70"/>
                  </a:lnTo>
                  <a:lnTo>
                    <a:pt x="1551" y="76"/>
                  </a:lnTo>
                  <a:lnTo>
                    <a:pt x="1562" y="82"/>
                  </a:lnTo>
                  <a:lnTo>
                    <a:pt x="1562" y="82"/>
                  </a:lnTo>
                  <a:lnTo>
                    <a:pt x="1574" y="89"/>
                  </a:lnTo>
                  <a:lnTo>
                    <a:pt x="1587" y="98"/>
                  </a:lnTo>
                  <a:lnTo>
                    <a:pt x="1602" y="112"/>
                  </a:lnTo>
                  <a:lnTo>
                    <a:pt x="1610" y="121"/>
                  </a:lnTo>
                  <a:lnTo>
                    <a:pt x="1617" y="130"/>
                  </a:lnTo>
                  <a:lnTo>
                    <a:pt x="1623" y="140"/>
                  </a:lnTo>
                  <a:lnTo>
                    <a:pt x="1629" y="152"/>
                  </a:lnTo>
                  <a:lnTo>
                    <a:pt x="1635" y="166"/>
                  </a:lnTo>
                  <a:lnTo>
                    <a:pt x="1638" y="179"/>
                  </a:lnTo>
                  <a:lnTo>
                    <a:pt x="1641" y="194"/>
                  </a:lnTo>
                  <a:lnTo>
                    <a:pt x="1643" y="210"/>
                  </a:lnTo>
                  <a:lnTo>
                    <a:pt x="1643" y="210"/>
                  </a:lnTo>
                  <a:lnTo>
                    <a:pt x="1641" y="230"/>
                  </a:lnTo>
                  <a:lnTo>
                    <a:pt x="1638" y="248"/>
                  </a:lnTo>
                  <a:lnTo>
                    <a:pt x="1632" y="266"/>
                  </a:lnTo>
                  <a:lnTo>
                    <a:pt x="1625" y="282"/>
                  </a:lnTo>
                  <a:lnTo>
                    <a:pt x="1614" y="299"/>
                  </a:lnTo>
                  <a:lnTo>
                    <a:pt x="1604" y="314"/>
                  </a:lnTo>
                  <a:lnTo>
                    <a:pt x="1590" y="329"/>
                  </a:lnTo>
                  <a:lnTo>
                    <a:pt x="1575" y="340"/>
                  </a:lnTo>
                  <a:lnTo>
                    <a:pt x="1559" y="352"/>
                  </a:lnTo>
                  <a:lnTo>
                    <a:pt x="1541" y="363"/>
                  </a:lnTo>
                  <a:lnTo>
                    <a:pt x="1521" y="373"/>
                  </a:lnTo>
                  <a:lnTo>
                    <a:pt x="1502" y="381"/>
                  </a:lnTo>
                  <a:lnTo>
                    <a:pt x="1481" y="387"/>
                  </a:lnTo>
                  <a:lnTo>
                    <a:pt x="1459" y="391"/>
                  </a:lnTo>
                  <a:lnTo>
                    <a:pt x="1436" y="394"/>
                  </a:lnTo>
                  <a:lnTo>
                    <a:pt x="1412" y="396"/>
                  </a:lnTo>
                  <a:lnTo>
                    <a:pt x="1412" y="396"/>
                  </a:lnTo>
                  <a:lnTo>
                    <a:pt x="1390" y="394"/>
                  </a:lnTo>
                  <a:lnTo>
                    <a:pt x="1366" y="391"/>
                  </a:lnTo>
                  <a:lnTo>
                    <a:pt x="1345" y="387"/>
                  </a:lnTo>
                  <a:lnTo>
                    <a:pt x="1324" y="381"/>
                  </a:lnTo>
                  <a:lnTo>
                    <a:pt x="1303" y="373"/>
                  </a:lnTo>
                  <a:lnTo>
                    <a:pt x="1284" y="363"/>
                  </a:lnTo>
                  <a:lnTo>
                    <a:pt x="1267" y="352"/>
                  </a:lnTo>
                  <a:lnTo>
                    <a:pt x="1251" y="340"/>
                  </a:lnTo>
                  <a:lnTo>
                    <a:pt x="1236" y="329"/>
                  </a:lnTo>
                  <a:lnTo>
                    <a:pt x="1223" y="314"/>
                  </a:lnTo>
                  <a:lnTo>
                    <a:pt x="1211" y="299"/>
                  </a:lnTo>
                  <a:lnTo>
                    <a:pt x="1202" y="282"/>
                  </a:lnTo>
                  <a:lnTo>
                    <a:pt x="1194" y="266"/>
                  </a:lnTo>
                  <a:lnTo>
                    <a:pt x="1188" y="248"/>
                  </a:lnTo>
                  <a:lnTo>
                    <a:pt x="1185" y="230"/>
                  </a:lnTo>
                  <a:lnTo>
                    <a:pt x="1184" y="210"/>
                  </a:lnTo>
                  <a:lnTo>
                    <a:pt x="1184" y="210"/>
                  </a:lnTo>
                  <a:lnTo>
                    <a:pt x="1184" y="194"/>
                  </a:lnTo>
                  <a:lnTo>
                    <a:pt x="1187" y="179"/>
                  </a:lnTo>
                  <a:lnTo>
                    <a:pt x="1191" y="166"/>
                  </a:lnTo>
                  <a:lnTo>
                    <a:pt x="1196" y="152"/>
                  </a:lnTo>
                  <a:lnTo>
                    <a:pt x="1202" y="140"/>
                  </a:lnTo>
                  <a:lnTo>
                    <a:pt x="1209" y="130"/>
                  </a:lnTo>
                  <a:lnTo>
                    <a:pt x="1217" y="121"/>
                  </a:lnTo>
                  <a:lnTo>
                    <a:pt x="1224" y="112"/>
                  </a:lnTo>
                  <a:lnTo>
                    <a:pt x="1239" y="98"/>
                  </a:lnTo>
                  <a:lnTo>
                    <a:pt x="1251" y="89"/>
                  </a:lnTo>
                  <a:lnTo>
                    <a:pt x="1264" y="82"/>
                  </a:lnTo>
                  <a:lnTo>
                    <a:pt x="1264" y="82"/>
                  </a:lnTo>
                  <a:lnTo>
                    <a:pt x="1275" y="76"/>
                  </a:lnTo>
                  <a:lnTo>
                    <a:pt x="1282" y="70"/>
                  </a:lnTo>
                  <a:lnTo>
                    <a:pt x="1290" y="64"/>
                  </a:lnTo>
                  <a:lnTo>
                    <a:pt x="1296" y="56"/>
                  </a:lnTo>
                  <a:lnTo>
                    <a:pt x="1300" y="50"/>
                  </a:lnTo>
                  <a:lnTo>
                    <a:pt x="1303" y="43"/>
                  </a:lnTo>
                  <a:lnTo>
                    <a:pt x="1305" y="37"/>
                  </a:lnTo>
                  <a:lnTo>
                    <a:pt x="1305" y="30"/>
                  </a:lnTo>
                  <a:lnTo>
                    <a:pt x="1303" y="24"/>
                  </a:lnTo>
                  <a:lnTo>
                    <a:pt x="1300" y="18"/>
                  </a:lnTo>
                  <a:lnTo>
                    <a:pt x="1296" y="13"/>
                  </a:lnTo>
                  <a:lnTo>
                    <a:pt x="1290" y="9"/>
                  </a:lnTo>
                  <a:lnTo>
                    <a:pt x="1282" y="6"/>
                  </a:lnTo>
                  <a:lnTo>
                    <a:pt x="1273" y="3"/>
                  </a:lnTo>
                  <a:lnTo>
                    <a:pt x="1263" y="1"/>
                  </a:lnTo>
                  <a:lnTo>
                    <a:pt x="1252" y="0"/>
                  </a:lnTo>
                  <a:lnTo>
                    <a:pt x="396" y="0"/>
                  </a:lnTo>
                  <a:lnTo>
                    <a:pt x="396" y="454"/>
                  </a:lnTo>
                  <a:lnTo>
                    <a:pt x="394" y="454"/>
                  </a:lnTo>
                  <a:lnTo>
                    <a:pt x="394" y="856"/>
                  </a:lnTo>
                  <a:lnTo>
                    <a:pt x="394" y="856"/>
                  </a:lnTo>
                  <a:lnTo>
                    <a:pt x="394" y="868"/>
                  </a:lnTo>
                  <a:lnTo>
                    <a:pt x="391" y="880"/>
                  </a:lnTo>
                  <a:lnTo>
                    <a:pt x="388" y="889"/>
                  </a:lnTo>
                  <a:lnTo>
                    <a:pt x="384" y="897"/>
                  </a:lnTo>
                  <a:lnTo>
                    <a:pt x="384" y="897"/>
                  </a:lnTo>
                  <a:lnTo>
                    <a:pt x="378" y="904"/>
                  </a:lnTo>
                  <a:lnTo>
                    <a:pt x="369" y="909"/>
                  </a:lnTo>
                  <a:lnTo>
                    <a:pt x="360" y="909"/>
                  </a:lnTo>
                  <a:lnTo>
                    <a:pt x="350" y="907"/>
                  </a:lnTo>
                  <a:lnTo>
                    <a:pt x="341" y="903"/>
                  </a:lnTo>
                  <a:lnTo>
                    <a:pt x="330" y="894"/>
                  </a:lnTo>
                  <a:lnTo>
                    <a:pt x="321" y="883"/>
                  </a:lnTo>
                  <a:lnTo>
                    <a:pt x="314" y="868"/>
                  </a:lnTo>
                  <a:lnTo>
                    <a:pt x="314" y="868"/>
                  </a:lnTo>
                  <a:lnTo>
                    <a:pt x="306" y="855"/>
                  </a:lnTo>
                  <a:lnTo>
                    <a:pt x="296" y="843"/>
                  </a:lnTo>
                  <a:lnTo>
                    <a:pt x="282" y="828"/>
                  </a:lnTo>
                  <a:lnTo>
                    <a:pt x="273" y="820"/>
                  </a:lnTo>
                  <a:lnTo>
                    <a:pt x="264" y="813"/>
                  </a:lnTo>
                  <a:lnTo>
                    <a:pt x="254" y="807"/>
                  </a:lnTo>
                  <a:lnTo>
                    <a:pt x="242" y="801"/>
                  </a:lnTo>
                  <a:lnTo>
                    <a:pt x="230" y="795"/>
                  </a:lnTo>
                  <a:lnTo>
                    <a:pt x="215" y="790"/>
                  </a:lnTo>
                  <a:lnTo>
                    <a:pt x="200" y="789"/>
                  </a:lnTo>
                  <a:lnTo>
                    <a:pt x="184" y="787"/>
                  </a:lnTo>
                  <a:lnTo>
                    <a:pt x="184" y="787"/>
                  </a:lnTo>
                  <a:lnTo>
                    <a:pt x="166" y="789"/>
                  </a:lnTo>
                  <a:lnTo>
                    <a:pt x="146" y="792"/>
                  </a:lnTo>
                  <a:lnTo>
                    <a:pt x="128" y="798"/>
                  </a:lnTo>
                  <a:lnTo>
                    <a:pt x="112" y="805"/>
                  </a:lnTo>
                  <a:lnTo>
                    <a:pt x="95" y="816"/>
                  </a:lnTo>
                  <a:lnTo>
                    <a:pt x="81" y="826"/>
                  </a:lnTo>
                  <a:lnTo>
                    <a:pt x="67" y="840"/>
                  </a:lnTo>
                  <a:lnTo>
                    <a:pt x="54" y="855"/>
                  </a:lnTo>
                  <a:lnTo>
                    <a:pt x="42" y="871"/>
                  </a:lnTo>
                  <a:lnTo>
                    <a:pt x="31" y="889"/>
                  </a:lnTo>
                  <a:lnTo>
                    <a:pt x="22" y="907"/>
                  </a:lnTo>
                  <a:lnTo>
                    <a:pt x="15" y="928"/>
                  </a:lnTo>
                  <a:lnTo>
                    <a:pt x="7" y="949"/>
                  </a:lnTo>
                  <a:lnTo>
                    <a:pt x="3" y="971"/>
                  </a:lnTo>
                  <a:lnTo>
                    <a:pt x="1" y="994"/>
                  </a:lnTo>
                  <a:lnTo>
                    <a:pt x="0" y="1018"/>
                  </a:lnTo>
                  <a:lnTo>
                    <a:pt x="0" y="1018"/>
                  </a:lnTo>
                  <a:lnTo>
                    <a:pt x="1" y="1040"/>
                  </a:lnTo>
                  <a:lnTo>
                    <a:pt x="3" y="1064"/>
                  </a:lnTo>
                  <a:lnTo>
                    <a:pt x="7" y="1085"/>
                  </a:lnTo>
                  <a:lnTo>
                    <a:pt x="15" y="1106"/>
                  </a:lnTo>
                  <a:lnTo>
                    <a:pt x="22" y="1127"/>
                  </a:lnTo>
                  <a:lnTo>
                    <a:pt x="31" y="1145"/>
                  </a:lnTo>
                  <a:lnTo>
                    <a:pt x="42" y="1163"/>
                  </a:lnTo>
                  <a:lnTo>
                    <a:pt x="54" y="1179"/>
                  </a:lnTo>
                  <a:lnTo>
                    <a:pt x="67" y="1194"/>
                  </a:lnTo>
                  <a:lnTo>
                    <a:pt x="81" y="1208"/>
                  </a:lnTo>
                  <a:lnTo>
                    <a:pt x="95" y="1219"/>
                  </a:lnTo>
                  <a:lnTo>
                    <a:pt x="112" y="1228"/>
                  </a:lnTo>
                  <a:lnTo>
                    <a:pt x="128" y="1236"/>
                  </a:lnTo>
                  <a:lnTo>
                    <a:pt x="146" y="1242"/>
                  </a:lnTo>
                  <a:lnTo>
                    <a:pt x="166" y="1245"/>
                  </a:lnTo>
                  <a:lnTo>
                    <a:pt x="184" y="1246"/>
                  </a:lnTo>
                  <a:lnTo>
                    <a:pt x="184" y="1246"/>
                  </a:lnTo>
                  <a:lnTo>
                    <a:pt x="200" y="1245"/>
                  </a:lnTo>
                  <a:lnTo>
                    <a:pt x="215" y="1243"/>
                  </a:lnTo>
                  <a:lnTo>
                    <a:pt x="230" y="1239"/>
                  </a:lnTo>
                  <a:lnTo>
                    <a:pt x="242" y="1234"/>
                  </a:lnTo>
                  <a:lnTo>
                    <a:pt x="254" y="1228"/>
                  </a:lnTo>
                  <a:lnTo>
                    <a:pt x="264" y="1221"/>
                  </a:lnTo>
                  <a:lnTo>
                    <a:pt x="273" y="1213"/>
                  </a:lnTo>
                  <a:lnTo>
                    <a:pt x="282" y="1206"/>
                  </a:lnTo>
                  <a:lnTo>
                    <a:pt x="296" y="1191"/>
                  </a:lnTo>
                  <a:lnTo>
                    <a:pt x="306" y="1179"/>
                  </a:lnTo>
                  <a:lnTo>
                    <a:pt x="314" y="1166"/>
                  </a:lnTo>
                  <a:lnTo>
                    <a:pt x="314" y="1166"/>
                  </a:lnTo>
                  <a:lnTo>
                    <a:pt x="321" y="1152"/>
                  </a:lnTo>
                  <a:lnTo>
                    <a:pt x="330" y="1140"/>
                  </a:lnTo>
                  <a:lnTo>
                    <a:pt x="341" y="1131"/>
                  </a:lnTo>
                  <a:lnTo>
                    <a:pt x="350" y="1127"/>
                  </a:lnTo>
                  <a:lnTo>
                    <a:pt x="360" y="1125"/>
                  </a:lnTo>
                  <a:lnTo>
                    <a:pt x="369" y="1127"/>
                  </a:lnTo>
                  <a:lnTo>
                    <a:pt x="378" y="1130"/>
                  </a:lnTo>
                  <a:lnTo>
                    <a:pt x="384" y="1137"/>
                  </a:lnTo>
                  <a:lnTo>
                    <a:pt x="384" y="1137"/>
                  </a:lnTo>
                  <a:lnTo>
                    <a:pt x="388" y="1145"/>
                  </a:lnTo>
                  <a:lnTo>
                    <a:pt x="391" y="1154"/>
                  </a:lnTo>
                  <a:lnTo>
                    <a:pt x="394" y="1166"/>
                  </a:lnTo>
                  <a:lnTo>
                    <a:pt x="394" y="1178"/>
                  </a:lnTo>
                  <a:lnTo>
                    <a:pt x="394" y="1429"/>
                  </a:lnTo>
                  <a:lnTo>
                    <a:pt x="396" y="1429"/>
                  </a:lnTo>
                  <a:lnTo>
                    <a:pt x="396" y="1976"/>
                  </a:lnTo>
                  <a:lnTo>
                    <a:pt x="1199" y="1976"/>
                  </a:lnTo>
                  <a:lnTo>
                    <a:pt x="1199" y="1976"/>
                  </a:lnTo>
                  <a:lnTo>
                    <a:pt x="1209" y="1976"/>
                  </a:lnTo>
                  <a:lnTo>
                    <a:pt x="1220" y="1973"/>
                  </a:lnTo>
                  <a:lnTo>
                    <a:pt x="1229" y="1971"/>
                  </a:lnTo>
                  <a:lnTo>
                    <a:pt x="1236" y="1967"/>
                  </a:lnTo>
                  <a:lnTo>
                    <a:pt x="1242" y="1962"/>
                  </a:lnTo>
                  <a:lnTo>
                    <a:pt x="1246" y="1958"/>
                  </a:lnTo>
                  <a:lnTo>
                    <a:pt x="1249" y="1952"/>
                  </a:lnTo>
                  <a:lnTo>
                    <a:pt x="1251" y="1946"/>
                  </a:lnTo>
                  <a:lnTo>
                    <a:pt x="1251" y="1940"/>
                  </a:lnTo>
                  <a:lnTo>
                    <a:pt x="1249" y="1933"/>
                  </a:lnTo>
                  <a:lnTo>
                    <a:pt x="1246" y="1927"/>
                  </a:lnTo>
                  <a:lnTo>
                    <a:pt x="1242" y="1919"/>
                  </a:lnTo>
                  <a:lnTo>
                    <a:pt x="1236" y="1913"/>
                  </a:lnTo>
                  <a:lnTo>
                    <a:pt x="1229" y="1906"/>
                  </a:lnTo>
                  <a:lnTo>
                    <a:pt x="1220" y="1900"/>
                  </a:lnTo>
                  <a:lnTo>
                    <a:pt x="1211" y="1894"/>
                  </a:lnTo>
                  <a:lnTo>
                    <a:pt x="1211" y="1894"/>
                  </a:lnTo>
                  <a:lnTo>
                    <a:pt x="1197" y="1886"/>
                  </a:lnTo>
                  <a:lnTo>
                    <a:pt x="1185" y="1877"/>
                  </a:lnTo>
                  <a:lnTo>
                    <a:pt x="1170" y="1864"/>
                  </a:lnTo>
                  <a:lnTo>
                    <a:pt x="1163" y="1855"/>
                  </a:lnTo>
                  <a:lnTo>
                    <a:pt x="1155" y="1846"/>
                  </a:lnTo>
                  <a:lnTo>
                    <a:pt x="1148" y="1835"/>
                  </a:lnTo>
                  <a:lnTo>
                    <a:pt x="1142" y="1823"/>
                  </a:lnTo>
                  <a:lnTo>
                    <a:pt x="1137" y="1810"/>
                  </a:lnTo>
                  <a:lnTo>
                    <a:pt x="1133" y="1796"/>
                  </a:lnTo>
                  <a:lnTo>
                    <a:pt x="1130" y="1782"/>
                  </a:lnTo>
                  <a:lnTo>
                    <a:pt x="1130" y="1765"/>
                  </a:lnTo>
                  <a:lnTo>
                    <a:pt x="1130" y="1765"/>
                  </a:lnTo>
                  <a:lnTo>
                    <a:pt x="1131" y="1746"/>
                  </a:lnTo>
                  <a:lnTo>
                    <a:pt x="1134" y="1728"/>
                  </a:lnTo>
                  <a:lnTo>
                    <a:pt x="1140" y="1710"/>
                  </a:lnTo>
                  <a:lnTo>
                    <a:pt x="1148" y="1693"/>
                  </a:lnTo>
                  <a:lnTo>
                    <a:pt x="1157" y="1677"/>
                  </a:lnTo>
                  <a:lnTo>
                    <a:pt x="1169" y="1662"/>
                  </a:lnTo>
                  <a:lnTo>
                    <a:pt x="1182" y="1648"/>
                  </a:lnTo>
                  <a:lnTo>
                    <a:pt x="1197" y="1635"/>
                  </a:lnTo>
                  <a:lnTo>
                    <a:pt x="1214" y="1623"/>
                  </a:lnTo>
                  <a:lnTo>
                    <a:pt x="1230" y="1613"/>
                  </a:lnTo>
                  <a:lnTo>
                    <a:pt x="1249" y="1604"/>
                  </a:lnTo>
                  <a:lnTo>
                    <a:pt x="1269" y="1595"/>
                  </a:lnTo>
                  <a:lnTo>
                    <a:pt x="1291" y="1589"/>
                  </a:lnTo>
                  <a:lnTo>
                    <a:pt x="1312" y="1584"/>
                  </a:lnTo>
                  <a:lnTo>
                    <a:pt x="1336" y="1581"/>
                  </a:lnTo>
                  <a:lnTo>
                    <a:pt x="1359" y="1581"/>
                  </a:lnTo>
                  <a:lnTo>
                    <a:pt x="1359" y="1581"/>
                  </a:lnTo>
                  <a:lnTo>
                    <a:pt x="1382" y="1581"/>
                  </a:lnTo>
                  <a:lnTo>
                    <a:pt x="1405" y="1584"/>
                  </a:lnTo>
                  <a:lnTo>
                    <a:pt x="1427" y="1589"/>
                  </a:lnTo>
                  <a:lnTo>
                    <a:pt x="1448" y="1595"/>
                  </a:lnTo>
                  <a:lnTo>
                    <a:pt x="1468" y="1604"/>
                  </a:lnTo>
                  <a:lnTo>
                    <a:pt x="1487" y="1613"/>
                  </a:lnTo>
                  <a:lnTo>
                    <a:pt x="1505" y="1623"/>
                  </a:lnTo>
                  <a:lnTo>
                    <a:pt x="1521" y="1635"/>
                  </a:lnTo>
                  <a:lnTo>
                    <a:pt x="1536" y="1648"/>
                  </a:lnTo>
                  <a:lnTo>
                    <a:pt x="1548" y="1662"/>
                  </a:lnTo>
                  <a:lnTo>
                    <a:pt x="1560" y="1677"/>
                  </a:lnTo>
                  <a:lnTo>
                    <a:pt x="1571" y="1693"/>
                  </a:lnTo>
                  <a:lnTo>
                    <a:pt x="1578" y="1710"/>
                  </a:lnTo>
                  <a:lnTo>
                    <a:pt x="1584" y="1728"/>
                  </a:lnTo>
                  <a:lnTo>
                    <a:pt x="1587" y="1746"/>
                  </a:lnTo>
                  <a:lnTo>
                    <a:pt x="1589" y="1765"/>
                  </a:lnTo>
                  <a:lnTo>
                    <a:pt x="1589" y="1765"/>
                  </a:lnTo>
                  <a:lnTo>
                    <a:pt x="1587" y="1782"/>
                  </a:lnTo>
                  <a:lnTo>
                    <a:pt x="1584" y="1796"/>
                  </a:lnTo>
                  <a:lnTo>
                    <a:pt x="1581" y="1810"/>
                  </a:lnTo>
                  <a:lnTo>
                    <a:pt x="1575" y="1823"/>
                  </a:lnTo>
                  <a:lnTo>
                    <a:pt x="1569" y="1835"/>
                  </a:lnTo>
                  <a:lnTo>
                    <a:pt x="1563" y="1846"/>
                  </a:lnTo>
                  <a:lnTo>
                    <a:pt x="1556" y="1855"/>
                  </a:lnTo>
                  <a:lnTo>
                    <a:pt x="1548" y="1864"/>
                  </a:lnTo>
                  <a:lnTo>
                    <a:pt x="1533" y="1877"/>
                  </a:lnTo>
                  <a:lnTo>
                    <a:pt x="1520" y="1886"/>
                  </a:lnTo>
                  <a:lnTo>
                    <a:pt x="1508" y="1894"/>
                  </a:lnTo>
                  <a:lnTo>
                    <a:pt x="1508" y="1894"/>
                  </a:lnTo>
                  <a:lnTo>
                    <a:pt x="1498" y="1900"/>
                  </a:lnTo>
                  <a:lnTo>
                    <a:pt x="1489" y="1906"/>
                  </a:lnTo>
                  <a:lnTo>
                    <a:pt x="1481" y="1913"/>
                  </a:lnTo>
                  <a:lnTo>
                    <a:pt x="1475" y="1919"/>
                  </a:lnTo>
                  <a:lnTo>
                    <a:pt x="1471" y="1927"/>
                  </a:lnTo>
                  <a:lnTo>
                    <a:pt x="1468" y="1933"/>
                  </a:lnTo>
                  <a:lnTo>
                    <a:pt x="1468" y="1940"/>
                  </a:lnTo>
                  <a:lnTo>
                    <a:pt x="1468" y="1946"/>
                  </a:lnTo>
                  <a:lnTo>
                    <a:pt x="1469" y="1952"/>
                  </a:lnTo>
                  <a:lnTo>
                    <a:pt x="1472" y="1958"/>
                  </a:lnTo>
                  <a:lnTo>
                    <a:pt x="1477" y="1962"/>
                  </a:lnTo>
                  <a:lnTo>
                    <a:pt x="1483" y="1967"/>
                  </a:lnTo>
                  <a:lnTo>
                    <a:pt x="1489" y="1971"/>
                  </a:lnTo>
                  <a:lnTo>
                    <a:pt x="1498" y="1973"/>
                  </a:lnTo>
                  <a:lnTo>
                    <a:pt x="1508" y="1976"/>
                  </a:lnTo>
                  <a:lnTo>
                    <a:pt x="1520" y="1976"/>
                  </a:lnTo>
                  <a:lnTo>
                    <a:pt x="2375" y="1976"/>
                  </a:lnTo>
                  <a:lnTo>
                    <a:pt x="2375" y="1521"/>
                  </a:lnTo>
                  <a:lnTo>
                    <a:pt x="2376" y="1521"/>
                  </a:lnTo>
                  <a:lnTo>
                    <a:pt x="2376" y="1119"/>
                  </a:lnTo>
                  <a:lnTo>
                    <a:pt x="2376" y="1119"/>
                  </a:lnTo>
                  <a:lnTo>
                    <a:pt x="2378" y="1107"/>
                  </a:lnTo>
                  <a:lnTo>
                    <a:pt x="2379" y="1097"/>
                  </a:lnTo>
                  <a:lnTo>
                    <a:pt x="2382" y="1086"/>
                  </a:lnTo>
                  <a:lnTo>
                    <a:pt x="2387" y="1079"/>
                  </a:lnTo>
                  <a:lnTo>
                    <a:pt x="2387" y="1079"/>
                  </a:lnTo>
                  <a:lnTo>
                    <a:pt x="2394" y="1073"/>
                  </a:lnTo>
                  <a:lnTo>
                    <a:pt x="2403" y="1068"/>
                  </a:lnTo>
                  <a:lnTo>
                    <a:pt x="2412" y="1067"/>
                  </a:lnTo>
                  <a:lnTo>
                    <a:pt x="2421" y="1068"/>
                  </a:lnTo>
                  <a:lnTo>
                    <a:pt x="2432" y="1074"/>
                  </a:lnTo>
                  <a:lnTo>
                    <a:pt x="2441" y="1082"/>
                  </a:lnTo>
                  <a:lnTo>
                    <a:pt x="2450" y="1094"/>
                  </a:lnTo>
                  <a:lnTo>
                    <a:pt x="2459" y="1107"/>
                  </a:lnTo>
                  <a:lnTo>
                    <a:pt x="2459" y="1107"/>
                  </a:lnTo>
                  <a:lnTo>
                    <a:pt x="2466" y="1121"/>
                  </a:lnTo>
                  <a:lnTo>
                    <a:pt x="2475" y="1133"/>
                  </a:lnTo>
                  <a:lnTo>
                    <a:pt x="2489" y="1148"/>
                  </a:lnTo>
                  <a:lnTo>
                    <a:pt x="2498" y="1155"/>
                  </a:lnTo>
                  <a:lnTo>
                    <a:pt x="2507" y="1163"/>
                  </a:lnTo>
                  <a:lnTo>
                    <a:pt x="2518" y="1170"/>
                  </a:lnTo>
                  <a:lnTo>
                    <a:pt x="2529" y="1176"/>
                  </a:lnTo>
                  <a:lnTo>
                    <a:pt x="2542" y="1181"/>
                  </a:lnTo>
                  <a:lnTo>
                    <a:pt x="2556" y="1185"/>
                  </a:lnTo>
                  <a:lnTo>
                    <a:pt x="2571" y="1188"/>
                  </a:lnTo>
                  <a:lnTo>
                    <a:pt x="2587" y="1188"/>
                  </a:lnTo>
                  <a:lnTo>
                    <a:pt x="2587" y="1188"/>
                  </a:lnTo>
                  <a:lnTo>
                    <a:pt x="2607" y="1187"/>
                  </a:lnTo>
                  <a:lnTo>
                    <a:pt x="2625" y="1184"/>
                  </a:lnTo>
                  <a:lnTo>
                    <a:pt x="2643" y="1178"/>
                  </a:lnTo>
                  <a:lnTo>
                    <a:pt x="2659" y="1170"/>
                  </a:lnTo>
                  <a:lnTo>
                    <a:pt x="2675" y="1161"/>
                  </a:lnTo>
                  <a:lnTo>
                    <a:pt x="2690" y="1149"/>
                  </a:lnTo>
                  <a:lnTo>
                    <a:pt x="2705" y="1136"/>
                  </a:lnTo>
                  <a:lnTo>
                    <a:pt x="2719" y="1121"/>
                  </a:lnTo>
                  <a:lnTo>
                    <a:pt x="2729" y="1104"/>
                  </a:lnTo>
                  <a:lnTo>
                    <a:pt x="2741" y="1088"/>
                  </a:lnTo>
                  <a:lnTo>
                    <a:pt x="2750" y="1068"/>
                  </a:lnTo>
                  <a:lnTo>
                    <a:pt x="2758" y="1048"/>
                  </a:lnTo>
                  <a:lnTo>
                    <a:pt x="2764" y="1027"/>
                  </a:lnTo>
                  <a:lnTo>
                    <a:pt x="2768" y="1006"/>
                  </a:lnTo>
                  <a:lnTo>
                    <a:pt x="2771" y="982"/>
                  </a:lnTo>
                  <a:lnTo>
                    <a:pt x="2773" y="959"/>
                  </a:lnTo>
                  <a:lnTo>
                    <a:pt x="2773" y="959"/>
                  </a:lnTo>
                  <a:lnTo>
                    <a:pt x="2771" y="935"/>
                  </a:lnTo>
                  <a:lnTo>
                    <a:pt x="2768" y="913"/>
                  </a:lnTo>
                  <a:lnTo>
                    <a:pt x="2764" y="891"/>
                  </a:lnTo>
                  <a:lnTo>
                    <a:pt x="2758" y="870"/>
                  </a:lnTo>
                  <a:lnTo>
                    <a:pt x="2750" y="850"/>
                  </a:lnTo>
                  <a:lnTo>
                    <a:pt x="2741" y="831"/>
                  </a:lnTo>
                  <a:lnTo>
                    <a:pt x="2729" y="813"/>
                  </a:lnTo>
                  <a:lnTo>
                    <a:pt x="2719" y="796"/>
                  </a:lnTo>
                  <a:lnTo>
                    <a:pt x="2705" y="781"/>
                  </a:lnTo>
                  <a:lnTo>
                    <a:pt x="2690" y="768"/>
                  </a:lnTo>
                  <a:lnTo>
                    <a:pt x="2675" y="758"/>
                  </a:lnTo>
                  <a:lnTo>
                    <a:pt x="2659" y="747"/>
                  </a:lnTo>
                  <a:lnTo>
                    <a:pt x="2643" y="740"/>
                  </a:lnTo>
                  <a:lnTo>
                    <a:pt x="2625" y="734"/>
                  </a:lnTo>
                  <a:lnTo>
                    <a:pt x="2607" y="731"/>
                  </a:lnTo>
                  <a:lnTo>
                    <a:pt x="2587" y="729"/>
                  </a:lnTo>
                  <a:lnTo>
                    <a:pt x="2587" y="729"/>
                  </a:lnTo>
                  <a:close/>
                </a:path>
              </a:pathLst>
            </a:custGeom>
            <a:solidFill>
              <a:schemeClr val="accent4">
                <a:lumMod val="60000"/>
                <a:lumOff val="40000"/>
              </a:schemeClr>
            </a:solidFill>
            <a:ln w="28575">
              <a:solidFill>
                <a:schemeClr val="bg1">
                  <a:lumMod val="50000"/>
                </a:schemeClr>
              </a:solidFill>
              <a:prstDash val="solid"/>
              <a:round/>
              <a:headEnd/>
              <a:tailEnd/>
            </a:ln>
          </p:spPr>
          <p:txBody>
            <a:bodyPr anchor="ctr"/>
            <a:lstStyle/>
            <a:p>
              <a:pPr algn="ctr" eaLnBrk="1" hangingPunct="1">
                <a:defRPr/>
              </a:pPr>
              <a:r>
                <a:rPr lang="en-US" dirty="0">
                  <a:cs typeface="Arial" charset="0"/>
                </a:rPr>
                <a:t>IHD, CHF, </a:t>
              </a:r>
            </a:p>
            <a:p>
              <a:pPr algn="ctr" eaLnBrk="1" hangingPunct="1">
                <a:defRPr/>
              </a:pPr>
              <a:r>
                <a:rPr lang="en-US" dirty="0">
                  <a:cs typeface="Arial" charset="0"/>
                </a:rPr>
                <a:t>HTN</a:t>
              </a:r>
              <a:endParaRPr lang="en-GB" dirty="0">
                <a:cs typeface="Arial" charset="0"/>
              </a:endParaRPr>
            </a:p>
          </p:txBody>
        </p:sp>
      </p:grpSp>
    </p:spTree>
    <p:extLst>
      <p:ext uri="{BB962C8B-B14F-4D97-AF65-F5344CB8AC3E}">
        <p14:creationId xmlns:p14="http://schemas.microsoft.com/office/powerpoint/2010/main" val="344297538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2303EE-C65C-B54E-8C8F-03B0BF189C0B}"/>
              </a:ext>
            </a:extLst>
          </p:cNvPr>
          <p:cNvSpPr>
            <a:spLocks noGrp="1"/>
          </p:cNvSpPr>
          <p:nvPr>
            <p:ph type="title"/>
          </p:nvPr>
        </p:nvSpPr>
        <p:spPr/>
        <p:txBody>
          <a:bodyPr/>
          <a:lstStyle/>
          <a:p>
            <a:r>
              <a:rPr lang="en-US" dirty="0"/>
              <a:t>For more information:</a:t>
            </a:r>
          </a:p>
        </p:txBody>
      </p:sp>
      <p:sp>
        <p:nvSpPr>
          <p:cNvPr id="3" name="Content Placeholder 2">
            <a:extLst>
              <a:ext uri="{FF2B5EF4-FFF2-40B4-BE49-F238E27FC236}">
                <a16:creationId xmlns:a16="http://schemas.microsoft.com/office/drawing/2014/main" id="{A68E9213-975D-F44C-8213-3683B6D1CE5F}"/>
              </a:ext>
            </a:extLst>
          </p:cNvPr>
          <p:cNvSpPr>
            <a:spLocks noGrp="1"/>
          </p:cNvSpPr>
          <p:nvPr>
            <p:ph idx="1"/>
          </p:nvPr>
        </p:nvSpPr>
        <p:spPr/>
        <p:txBody>
          <a:bodyPr/>
          <a:lstStyle/>
          <a:p>
            <a:r>
              <a:rPr lang="en-US" dirty="0"/>
              <a:t>eCare Plan Project Confluence Page: </a:t>
            </a:r>
            <a:r>
              <a:rPr lang="en-US" dirty="0">
                <a:hlinkClick r:id="rId2"/>
              </a:rPr>
              <a:t>https://ecareplan.ahrq.gov/collaborate/</a:t>
            </a:r>
            <a:endParaRPr lang="en-US" dirty="0"/>
          </a:p>
          <a:p>
            <a:endParaRPr lang="en-US" dirty="0"/>
          </a:p>
          <a:p>
            <a:r>
              <a:rPr lang="en-US" dirty="0"/>
              <a:t>Health Level 7 (HL7) Project Page: </a:t>
            </a:r>
            <a:r>
              <a:rPr lang="en-US" dirty="0">
                <a:hlinkClick r:id="rId3"/>
              </a:rPr>
              <a:t>https://confluence.hl7.org/display/PC/Multiple+Chronic+Conditions+%28MCC%29+eCare+Plan</a:t>
            </a:r>
            <a:endParaRPr lang="en-US" dirty="0"/>
          </a:p>
          <a:p>
            <a:endParaRPr lang="en-US" dirty="0"/>
          </a:p>
          <a:p>
            <a:r>
              <a:rPr lang="en-US" dirty="0"/>
              <a:t>Feel free to email me: </a:t>
            </a:r>
            <a:r>
              <a:rPr lang="en-US" dirty="0">
                <a:hlinkClick r:id="rId4"/>
              </a:rPr>
              <a:t>jenna.norton@nih.gov</a:t>
            </a:r>
            <a:r>
              <a:rPr lang="en-US" dirty="0"/>
              <a:t> </a:t>
            </a:r>
          </a:p>
          <a:p>
            <a:endParaRPr lang="en-US" dirty="0"/>
          </a:p>
        </p:txBody>
      </p:sp>
    </p:spTree>
    <p:extLst>
      <p:ext uri="{BB962C8B-B14F-4D97-AF65-F5344CB8AC3E}">
        <p14:creationId xmlns:p14="http://schemas.microsoft.com/office/powerpoint/2010/main" val="156676553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7204032-930A-460B-AE62-78BEF0BEDDCA}"/>
              </a:ext>
            </a:extLst>
          </p:cNvPr>
          <p:cNvSpPr>
            <a:spLocks noGrp="1"/>
          </p:cNvSpPr>
          <p:nvPr>
            <p:ph type="ctrTitle"/>
          </p:nvPr>
        </p:nvSpPr>
        <p:spPr>
          <a:xfrm>
            <a:off x="375138" y="1122363"/>
            <a:ext cx="10102362" cy="2387600"/>
          </a:xfrm>
        </p:spPr>
        <p:txBody>
          <a:bodyPr>
            <a:normAutofit/>
          </a:bodyPr>
          <a:lstStyle/>
          <a:p>
            <a:pPr algn="l"/>
            <a:r>
              <a:rPr lang="en-US" sz="4000" dirty="0">
                <a:solidFill>
                  <a:srgbClr val="0070C0"/>
                </a:solidFill>
                <a:latin typeface="+mn-lt"/>
                <a:cs typeface="Times New Roman" panose="02020603050405020304" pitchFamily="18" charset="0"/>
              </a:rPr>
              <a:t>Exploring Interoperability Between Electronic Health Records (EHRs) and Electronic Death Reporting System (EDRS) using FHIR</a:t>
            </a:r>
            <a:endParaRPr lang="en-US" sz="4000" b="1" dirty="0">
              <a:solidFill>
                <a:srgbClr val="0070C0"/>
              </a:solidFill>
              <a:latin typeface="+mn-lt"/>
            </a:endParaRPr>
          </a:p>
        </p:txBody>
      </p:sp>
      <p:sp>
        <p:nvSpPr>
          <p:cNvPr id="5" name="Subtitle 4">
            <a:extLst>
              <a:ext uri="{FF2B5EF4-FFF2-40B4-BE49-F238E27FC236}">
                <a16:creationId xmlns:a16="http://schemas.microsoft.com/office/drawing/2014/main" id="{6A08F84E-AFB4-44FB-B4B7-1085EE666902}"/>
              </a:ext>
            </a:extLst>
          </p:cNvPr>
          <p:cNvSpPr>
            <a:spLocks noGrp="1"/>
          </p:cNvSpPr>
          <p:nvPr>
            <p:ph type="subTitle" idx="1"/>
          </p:nvPr>
        </p:nvSpPr>
        <p:spPr>
          <a:xfrm>
            <a:off x="351692" y="3754438"/>
            <a:ext cx="9144000" cy="1052019"/>
          </a:xfrm>
        </p:spPr>
        <p:txBody>
          <a:bodyPr/>
          <a:lstStyle/>
          <a:p>
            <a:pPr algn="l"/>
            <a:r>
              <a:rPr lang="en-US" dirty="0">
                <a:cs typeface="Times New Roman" panose="02020603050405020304" pitchFamily="18" charset="0"/>
              </a:rPr>
              <a:t>Prachi Mehta and Cindy Bush</a:t>
            </a:r>
            <a:br>
              <a:rPr lang="en-US" dirty="0">
                <a:cs typeface="Times New Roman" panose="02020603050405020304" pitchFamily="18" charset="0"/>
              </a:rPr>
            </a:br>
            <a:r>
              <a:rPr lang="en-US" dirty="0">
                <a:cs typeface="Times New Roman" panose="02020603050405020304" pitchFamily="18" charset="0"/>
              </a:rPr>
              <a:t>National Center for Health Statistics</a:t>
            </a:r>
            <a:endParaRPr lang="en-US" dirty="0"/>
          </a:p>
        </p:txBody>
      </p:sp>
      <p:cxnSp>
        <p:nvCxnSpPr>
          <p:cNvPr id="7" name="Straight Connector 6">
            <a:extLst>
              <a:ext uri="{FF2B5EF4-FFF2-40B4-BE49-F238E27FC236}">
                <a16:creationId xmlns:a16="http://schemas.microsoft.com/office/drawing/2014/main" id="{8E5BF276-A319-44C8-B1EA-844BB22946A7}"/>
              </a:ext>
            </a:extLst>
          </p:cNvPr>
          <p:cNvCxnSpPr/>
          <p:nvPr/>
        </p:nvCxnSpPr>
        <p:spPr>
          <a:xfrm>
            <a:off x="375138" y="3509963"/>
            <a:ext cx="9952892" cy="0"/>
          </a:xfrm>
          <a:prstGeom prst="line">
            <a:avLst/>
          </a:prstGeom>
          <a:ln w="444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8125750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Subtitle 1"/>
          <p:cNvSpPr>
            <a:spLocks noGrp="1"/>
          </p:cNvSpPr>
          <p:nvPr>
            <p:ph type="subTitle" idx="1"/>
          </p:nvPr>
        </p:nvSpPr>
        <p:spPr>
          <a:xfrm>
            <a:off x="1227328" y="3429000"/>
            <a:ext cx="8534400" cy="457200"/>
          </a:xfrm>
        </p:spPr>
        <p:txBody>
          <a:bodyPr/>
          <a:lstStyle/>
          <a:p>
            <a:pPr algn="ctr"/>
            <a:r>
              <a:rPr lang="en-US" dirty="0">
                <a:latin typeface="Times New Roman" panose="02020603050405020304" pitchFamily="18" charset="0"/>
                <a:cs typeface="Times New Roman" panose="02020603050405020304" pitchFamily="18" charset="0"/>
              </a:rPr>
              <a:t>Prachi Mehta and Cindy Bush</a:t>
            </a:r>
            <a:br>
              <a:rPr lang="en-US" dirty="0">
                <a:latin typeface="Times New Roman" panose="02020603050405020304" pitchFamily="18" charset="0"/>
                <a:cs typeface="Times New Roman" panose="02020603050405020304" pitchFamily="18" charset="0"/>
              </a:rPr>
            </a:br>
            <a:r>
              <a:rPr lang="en-US" dirty="0">
                <a:latin typeface="Times New Roman" panose="02020603050405020304" pitchFamily="18" charset="0"/>
                <a:cs typeface="Times New Roman" panose="02020603050405020304" pitchFamily="18" charset="0"/>
              </a:rPr>
              <a:t>National Center for Health Statistics</a:t>
            </a:r>
            <a:br>
              <a:rPr lang="en-US" dirty="0">
                <a:latin typeface="Times New Roman" panose="02020603050405020304" pitchFamily="18" charset="0"/>
                <a:cs typeface="Times New Roman" panose="02020603050405020304" pitchFamily="18" charset="0"/>
              </a:rPr>
            </a:br>
            <a:br>
              <a:rPr lang="en-US" dirty="0">
                <a:latin typeface="Times New Roman" panose="02020603050405020304" pitchFamily="18" charset="0"/>
                <a:cs typeface="Times New Roman" panose="02020603050405020304" pitchFamily="18" charset="0"/>
              </a:rPr>
            </a:br>
            <a:r>
              <a:rPr lang="en-US" dirty="0">
                <a:latin typeface="Times New Roman" panose="02020603050405020304" pitchFamily="18" charset="0"/>
                <a:cs typeface="Times New Roman" panose="02020603050405020304" pitchFamily="18" charset="0"/>
              </a:rPr>
              <a:t>Presented to </a:t>
            </a:r>
            <a:r>
              <a:rPr lang="en-US" dirty="0" err="1">
                <a:latin typeface="Times New Roman" panose="02020603050405020304" pitchFamily="18" charset="0"/>
                <a:cs typeface="Times New Roman" panose="02020603050405020304" pitchFamily="18" charset="0"/>
              </a:rPr>
              <a:t>MedMorph</a:t>
            </a:r>
            <a:r>
              <a:rPr lang="en-US" dirty="0">
                <a:latin typeface="Times New Roman" panose="02020603050405020304" pitchFamily="18" charset="0"/>
                <a:cs typeface="Times New Roman" panose="02020603050405020304" pitchFamily="18" charset="0"/>
              </a:rPr>
              <a:t>, TEP</a:t>
            </a:r>
            <a:br>
              <a:rPr lang="en-US" dirty="0">
                <a:latin typeface="Times New Roman" panose="02020603050405020304" pitchFamily="18" charset="0"/>
                <a:cs typeface="Times New Roman" panose="02020603050405020304" pitchFamily="18" charset="0"/>
              </a:rPr>
            </a:br>
            <a:r>
              <a:rPr lang="en-US" dirty="0">
                <a:latin typeface="Times New Roman" panose="02020603050405020304" pitchFamily="18" charset="0"/>
                <a:cs typeface="Times New Roman" panose="02020603050405020304" pitchFamily="18" charset="0"/>
              </a:rPr>
              <a:t>July 21, 2020</a:t>
            </a:r>
            <a:endParaRPr lang="en-US" dirty="0"/>
          </a:p>
          <a:p>
            <a:pPr algn="ctr"/>
            <a:endParaRPr lang="en-US" dirty="0"/>
          </a:p>
          <a:p>
            <a:pPr algn="ctr"/>
            <a:endParaRPr lang="en-US" dirty="0"/>
          </a:p>
        </p:txBody>
      </p:sp>
      <p:pic>
        <p:nvPicPr>
          <p:cNvPr id="7172" name="Picture 6" descr="Logos of the United States Department of Health and Human Services and Centers for Disease Control and Prevention"/>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203200" y="6515101"/>
            <a:ext cx="254000" cy="190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Title 4">
            <a:extLst>
              <a:ext uri="{FF2B5EF4-FFF2-40B4-BE49-F238E27FC236}">
                <a16:creationId xmlns:a16="http://schemas.microsoft.com/office/drawing/2014/main" id="{407191C1-7918-4144-BB5B-CE229CD84205}"/>
              </a:ext>
            </a:extLst>
          </p:cNvPr>
          <p:cNvSpPr>
            <a:spLocks noGrp="1"/>
          </p:cNvSpPr>
          <p:nvPr>
            <p:ph type="title"/>
          </p:nvPr>
        </p:nvSpPr>
        <p:spPr/>
        <p:txBody>
          <a:bodyPr/>
          <a:lstStyle/>
          <a:p>
            <a:pPr algn="ctr"/>
            <a:r>
              <a:rPr lang="en-US" dirty="0">
                <a:latin typeface="Times New Roman" panose="02020603050405020304" pitchFamily="18" charset="0"/>
                <a:cs typeface="Times New Roman" panose="02020603050405020304" pitchFamily="18" charset="0"/>
              </a:rPr>
              <a:t>Exploring Interoperability Between Electronic Health Records (EHRs) and Electronic Death Registration System (EDRS) using FHIR</a:t>
            </a:r>
            <a:endParaRPr lang="en-US" dirty="0"/>
          </a:p>
        </p:txBody>
      </p:sp>
    </p:spTree>
    <p:extLst>
      <p:ext uri="{BB962C8B-B14F-4D97-AF65-F5344CB8AC3E}">
        <p14:creationId xmlns:p14="http://schemas.microsoft.com/office/powerpoint/2010/main" val="3522782635"/>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7204032-930A-460B-AE62-78BEF0BEDDCA}"/>
              </a:ext>
            </a:extLst>
          </p:cNvPr>
          <p:cNvSpPr>
            <a:spLocks noGrp="1"/>
          </p:cNvSpPr>
          <p:nvPr>
            <p:ph type="ctrTitle"/>
          </p:nvPr>
        </p:nvSpPr>
        <p:spPr>
          <a:xfrm>
            <a:off x="375138" y="1122363"/>
            <a:ext cx="10117016" cy="2387600"/>
          </a:xfrm>
        </p:spPr>
        <p:txBody>
          <a:bodyPr>
            <a:normAutofit/>
          </a:bodyPr>
          <a:lstStyle/>
          <a:p>
            <a:pPr marL="0" marR="0" algn="l">
              <a:spcBef>
                <a:spcPts val="0"/>
              </a:spcBef>
              <a:spcAft>
                <a:spcPts val="0"/>
              </a:spcAft>
            </a:pPr>
            <a:r>
              <a:rPr lang="en-US" sz="4000" dirty="0">
                <a:solidFill>
                  <a:srgbClr val="0070C0"/>
                </a:solidFill>
                <a:latin typeface="+mn-lt"/>
              </a:rPr>
              <a:t>HL7 and Project Update</a:t>
            </a:r>
            <a:endParaRPr lang="en-US" sz="4000" dirty="0">
              <a:solidFill>
                <a:srgbClr val="0070C0"/>
              </a:solidFill>
              <a:latin typeface="+mn-lt"/>
              <a:ea typeface="Calibri" panose="020F0502020204030204" pitchFamily="34" charset="0"/>
            </a:endParaRPr>
          </a:p>
        </p:txBody>
      </p:sp>
      <p:sp>
        <p:nvSpPr>
          <p:cNvPr id="5" name="Subtitle 4">
            <a:extLst>
              <a:ext uri="{FF2B5EF4-FFF2-40B4-BE49-F238E27FC236}">
                <a16:creationId xmlns:a16="http://schemas.microsoft.com/office/drawing/2014/main" id="{6A08F84E-AFB4-44FB-B4B7-1085EE666902}"/>
              </a:ext>
            </a:extLst>
          </p:cNvPr>
          <p:cNvSpPr>
            <a:spLocks noGrp="1"/>
          </p:cNvSpPr>
          <p:nvPr>
            <p:ph type="subTitle" idx="1"/>
          </p:nvPr>
        </p:nvSpPr>
        <p:spPr>
          <a:xfrm>
            <a:off x="351692" y="3754438"/>
            <a:ext cx="9144000" cy="1052019"/>
          </a:xfrm>
        </p:spPr>
        <p:txBody>
          <a:bodyPr/>
          <a:lstStyle/>
          <a:p>
            <a:pPr algn="l"/>
            <a:r>
              <a:rPr lang="en-US" dirty="0"/>
              <a:t>Nagesh Bashyam</a:t>
            </a:r>
          </a:p>
          <a:p>
            <a:pPr algn="l"/>
            <a:r>
              <a:rPr lang="en-US" dirty="0"/>
              <a:t>Jamie Parker</a:t>
            </a:r>
          </a:p>
          <a:p>
            <a:pPr algn="l"/>
            <a:endParaRPr lang="en-US" dirty="0"/>
          </a:p>
        </p:txBody>
      </p:sp>
      <p:cxnSp>
        <p:nvCxnSpPr>
          <p:cNvPr id="7" name="Straight Connector 6">
            <a:extLst>
              <a:ext uri="{FF2B5EF4-FFF2-40B4-BE49-F238E27FC236}">
                <a16:creationId xmlns:a16="http://schemas.microsoft.com/office/drawing/2014/main" id="{8E5BF276-A319-44C8-B1EA-844BB22946A7}"/>
              </a:ext>
            </a:extLst>
          </p:cNvPr>
          <p:cNvCxnSpPr/>
          <p:nvPr/>
        </p:nvCxnSpPr>
        <p:spPr>
          <a:xfrm>
            <a:off x="375138" y="3509963"/>
            <a:ext cx="9952892" cy="0"/>
          </a:xfrm>
          <a:prstGeom prst="line">
            <a:avLst/>
          </a:prstGeom>
          <a:ln w="444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758109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DD34068-010B-40B8-87DE-76EED53F2A1B}"/>
              </a:ext>
            </a:extLst>
          </p:cNvPr>
          <p:cNvSpPr>
            <a:spLocks noGrp="1"/>
          </p:cNvSpPr>
          <p:nvPr>
            <p:ph type="title"/>
          </p:nvPr>
        </p:nvSpPr>
        <p:spPr>
          <a:xfrm>
            <a:off x="2776909" y="225187"/>
            <a:ext cx="10972800" cy="1143000"/>
          </a:xfrm>
        </p:spPr>
        <p:txBody>
          <a:bodyPr/>
          <a:lstStyle/>
          <a:p>
            <a:pPr algn="ctr"/>
            <a:r>
              <a:rPr lang="en-US" dirty="0"/>
              <a:t>Current Mortality Data Flow</a:t>
            </a:r>
          </a:p>
        </p:txBody>
      </p:sp>
      <p:grpSp>
        <p:nvGrpSpPr>
          <p:cNvPr id="4" name="Group 3">
            <a:extLst>
              <a:ext uri="{FF2B5EF4-FFF2-40B4-BE49-F238E27FC236}">
                <a16:creationId xmlns:a16="http://schemas.microsoft.com/office/drawing/2014/main" id="{0640881B-AEAF-4936-9C07-A49DB3C1D77C}"/>
              </a:ext>
            </a:extLst>
          </p:cNvPr>
          <p:cNvGrpSpPr/>
          <p:nvPr/>
        </p:nvGrpSpPr>
        <p:grpSpPr>
          <a:xfrm>
            <a:off x="542717" y="554302"/>
            <a:ext cx="10804123" cy="6251210"/>
            <a:chOff x="290949" y="210443"/>
            <a:chExt cx="8457465" cy="4882685"/>
          </a:xfrm>
        </p:grpSpPr>
        <p:sp>
          <p:nvSpPr>
            <p:cNvPr id="144" name="Rounded Rectangle 143"/>
            <p:cNvSpPr/>
            <p:nvPr/>
          </p:nvSpPr>
          <p:spPr>
            <a:xfrm>
              <a:off x="703282" y="3789786"/>
              <a:ext cx="2563166" cy="1206077"/>
            </a:xfrm>
            <a:prstGeom prst="roundRect">
              <a:avLst/>
            </a:prstGeom>
            <a:noFill/>
            <a:ln w="12700" cap="flat" cmpd="sng" algn="ctr">
              <a:solidFill>
                <a:sysClr val="windowText" lastClr="000000"/>
              </a:solidFill>
              <a:prstDash val="solid"/>
              <a:miter lim="800000"/>
            </a:ln>
            <a:effectLst/>
          </p:spPr>
          <p:txBody>
            <a:bodyPr rtlCol="0" anchor="ctr"/>
            <a:lstStyle/>
            <a:p>
              <a:pPr algn="ctr" defTabSz="914286" eaLnBrk="0" fontAlgn="base" hangingPunct="0">
                <a:spcBef>
                  <a:spcPct val="0"/>
                </a:spcBef>
                <a:spcAft>
                  <a:spcPct val="0"/>
                </a:spcAft>
                <a:defRPr/>
              </a:pPr>
              <a:endParaRPr lang="en-US" sz="2400" kern="0">
                <a:solidFill>
                  <a:prstClr val="white"/>
                </a:solidFill>
                <a:latin typeface="Calibri" panose="020F0502020204030204"/>
              </a:endParaRPr>
            </a:p>
          </p:txBody>
        </p:sp>
        <p:pic>
          <p:nvPicPr>
            <p:cNvPr id="75" name="Picture 7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10420" y="563269"/>
              <a:ext cx="423217" cy="423217"/>
            </a:xfrm>
            <a:prstGeom prst="rect">
              <a:avLst/>
            </a:prstGeom>
          </p:spPr>
        </p:pic>
        <p:grpSp>
          <p:nvGrpSpPr>
            <p:cNvPr id="76" name="Group 75"/>
            <p:cNvGrpSpPr/>
            <p:nvPr/>
          </p:nvGrpSpPr>
          <p:grpSpPr>
            <a:xfrm>
              <a:off x="2366594" y="410703"/>
              <a:ext cx="758025" cy="698608"/>
              <a:chOff x="7306626" y="840396"/>
              <a:chExt cx="1476474" cy="1630618"/>
            </a:xfrm>
          </p:grpSpPr>
          <p:pic>
            <p:nvPicPr>
              <p:cNvPr id="77" name="Picture 7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306626" y="840396"/>
                <a:ext cx="1476474" cy="1630618"/>
              </a:xfrm>
              <a:prstGeom prst="rect">
                <a:avLst/>
              </a:prstGeom>
            </p:spPr>
          </p:pic>
          <p:sp>
            <p:nvSpPr>
              <p:cNvPr id="78" name="TextBox 77"/>
              <p:cNvSpPr txBox="1"/>
              <p:nvPr/>
            </p:nvSpPr>
            <p:spPr>
              <a:xfrm>
                <a:off x="7409155" y="1196499"/>
                <a:ext cx="1309871" cy="1178333"/>
              </a:xfrm>
              <a:prstGeom prst="rect">
                <a:avLst/>
              </a:prstGeom>
              <a:noFill/>
            </p:spPr>
            <p:txBody>
              <a:bodyPr wrap="square" rtlCol="0">
                <a:spAutoFit/>
              </a:bodyPr>
              <a:lstStyle/>
              <a:p>
                <a:pPr algn="ctr" defTabSz="914286" eaLnBrk="0" fontAlgn="base" hangingPunct="0">
                  <a:spcBef>
                    <a:spcPct val="0"/>
                  </a:spcBef>
                  <a:spcAft>
                    <a:spcPct val="0"/>
                  </a:spcAft>
                  <a:defRPr/>
                </a:pPr>
                <a:r>
                  <a:rPr lang="en-US" sz="1200" b="1" dirty="0">
                    <a:solidFill>
                      <a:prstClr val="black"/>
                    </a:solidFill>
                    <a:latin typeface="Calibri" panose="020F0502020204030204" pitchFamily="34" charset="0"/>
                  </a:rPr>
                  <a:t>Health Record Systems</a:t>
                </a:r>
              </a:p>
            </p:txBody>
          </p:sp>
        </p:grpSp>
        <p:pic>
          <p:nvPicPr>
            <p:cNvPr id="79" name="Picture 78"/>
            <p:cNvPicPr>
              <a:picLocks noChangeAspect="1"/>
            </p:cNvPicPr>
            <p:nvPr/>
          </p:nvPicPr>
          <p:blipFill>
            <a:blip r:embed="rId5"/>
            <a:stretch>
              <a:fillRect/>
            </a:stretch>
          </p:blipFill>
          <p:spPr>
            <a:xfrm>
              <a:off x="1520875" y="1632198"/>
              <a:ext cx="448004" cy="488731"/>
            </a:xfrm>
            <a:prstGeom prst="rect">
              <a:avLst/>
            </a:prstGeom>
          </p:spPr>
        </p:pic>
        <p:pic>
          <p:nvPicPr>
            <p:cNvPr id="80" name="Picture 79"/>
            <p:cNvPicPr>
              <a:picLocks noChangeAspect="1"/>
            </p:cNvPicPr>
            <p:nvPr/>
          </p:nvPicPr>
          <p:blipFill>
            <a:blip r:embed="rId6"/>
            <a:stretch>
              <a:fillRect/>
            </a:stretch>
          </p:blipFill>
          <p:spPr>
            <a:xfrm>
              <a:off x="1441679" y="2331144"/>
              <a:ext cx="628305" cy="387196"/>
            </a:xfrm>
            <a:prstGeom prst="rect">
              <a:avLst/>
            </a:prstGeom>
          </p:spPr>
        </p:pic>
        <p:pic>
          <p:nvPicPr>
            <p:cNvPr id="81" name="Picture 80"/>
            <p:cNvPicPr>
              <a:picLocks noChangeAspect="1"/>
            </p:cNvPicPr>
            <p:nvPr/>
          </p:nvPicPr>
          <p:blipFill>
            <a:blip r:embed="rId7"/>
            <a:stretch>
              <a:fillRect/>
            </a:stretch>
          </p:blipFill>
          <p:spPr>
            <a:xfrm>
              <a:off x="1485385" y="2973509"/>
              <a:ext cx="519284" cy="452709"/>
            </a:xfrm>
            <a:prstGeom prst="rect">
              <a:avLst/>
            </a:prstGeom>
          </p:spPr>
        </p:pic>
        <p:pic>
          <p:nvPicPr>
            <p:cNvPr id="82" name="Picture 81"/>
            <p:cNvPicPr>
              <a:picLocks noChangeAspect="1"/>
            </p:cNvPicPr>
            <p:nvPr/>
          </p:nvPicPr>
          <p:blipFill>
            <a:blip r:embed="rId8"/>
            <a:stretch>
              <a:fillRect/>
            </a:stretch>
          </p:blipFill>
          <p:spPr>
            <a:xfrm>
              <a:off x="1394780" y="524555"/>
              <a:ext cx="639153" cy="470955"/>
            </a:xfrm>
            <a:prstGeom prst="rect">
              <a:avLst/>
            </a:prstGeom>
          </p:spPr>
        </p:pic>
        <p:grpSp>
          <p:nvGrpSpPr>
            <p:cNvPr id="83" name="Group 82"/>
            <p:cNvGrpSpPr/>
            <p:nvPr/>
          </p:nvGrpSpPr>
          <p:grpSpPr>
            <a:xfrm>
              <a:off x="2419232" y="4074928"/>
              <a:ext cx="758025" cy="698609"/>
              <a:chOff x="7306626" y="840396"/>
              <a:chExt cx="1476474" cy="1630618"/>
            </a:xfrm>
          </p:grpSpPr>
          <p:pic>
            <p:nvPicPr>
              <p:cNvPr id="84" name="Picture 8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306626" y="840396"/>
                <a:ext cx="1476474" cy="1630618"/>
              </a:xfrm>
              <a:prstGeom prst="rect">
                <a:avLst/>
              </a:prstGeom>
            </p:spPr>
          </p:pic>
          <p:sp>
            <p:nvSpPr>
              <p:cNvPr id="85" name="TextBox 84"/>
              <p:cNvSpPr txBox="1"/>
              <p:nvPr/>
            </p:nvSpPr>
            <p:spPr>
              <a:xfrm>
                <a:off x="7363887" y="1183051"/>
                <a:ext cx="1308705" cy="1178332"/>
              </a:xfrm>
              <a:prstGeom prst="rect">
                <a:avLst/>
              </a:prstGeom>
              <a:noFill/>
            </p:spPr>
            <p:txBody>
              <a:bodyPr wrap="square" rtlCol="0">
                <a:spAutoFit/>
              </a:bodyPr>
              <a:lstStyle/>
              <a:p>
                <a:pPr algn="ctr" defTabSz="914286" eaLnBrk="0" fontAlgn="base" hangingPunct="0">
                  <a:spcBef>
                    <a:spcPct val="0"/>
                  </a:spcBef>
                  <a:spcAft>
                    <a:spcPct val="0"/>
                  </a:spcAft>
                  <a:defRPr/>
                </a:pPr>
                <a:r>
                  <a:rPr lang="en-US" sz="1200" b="1" dirty="0">
                    <a:solidFill>
                      <a:prstClr val="black"/>
                    </a:solidFill>
                    <a:latin typeface="Calibri" panose="020F0502020204030204" pitchFamily="34" charset="0"/>
                  </a:rPr>
                  <a:t>Funeral  Home System</a:t>
                </a:r>
              </a:p>
            </p:txBody>
          </p:sp>
        </p:grpSp>
        <p:grpSp>
          <p:nvGrpSpPr>
            <p:cNvPr id="86" name="Group 85"/>
            <p:cNvGrpSpPr/>
            <p:nvPr/>
          </p:nvGrpSpPr>
          <p:grpSpPr>
            <a:xfrm>
              <a:off x="2366595" y="2291715"/>
              <a:ext cx="888382" cy="698608"/>
              <a:chOff x="7280701" y="840396"/>
              <a:chExt cx="1522989" cy="1630618"/>
            </a:xfrm>
          </p:grpSpPr>
          <p:pic>
            <p:nvPicPr>
              <p:cNvPr id="87" name="Picture 8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7306626" y="840396"/>
                <a:ext cx="1476474" cy="1630618"/>
              </a:xfrm>
              <a:prstGeom prst="rect">
                <a:avLst/>
              </a:prstGeom>
            </p:spPr>
          </p:pic>
          <p:sp>
            <p:nvSpPr>
              <p:cNvPr id="88" name="TextBox 87"/>
              <p:cNvSpPr txBox="1"/>
              <p:nvPr/>
            </p:nvSpPr>
            <p:spPr>
              <a:xfrm>
                <a:off x="7280701" y="1205498"/>
                <a:ext cx="1522989" cy="505000"/>
              </a:xfrm>
              <a:prstGeom prst="rect">
                <a:avLst/>
              </a:prstGeom>
              <a:noFill/>
            </p:spPr>
            <p:txBody>
              <a:bodyPr wrap="square" rtlCol="0">
                <a:spAutoFit/>
              </a:bodyPr>
              <a:lstStyle/>
              <a:p>
                <a:pPr algn="ctr" defTabSz="914286" eaLnBrk="0" fontAlgn="base" hangingPunct="0">
                  <a:spcBef>
                    <a:spcPct val="0"/>
                  </a:spcBef>
                  <a:spcAft>
                    <a:spcPct val="0"/>
                  </a:spcAft>
                  <a:defRPr/>
                </a:pPr>
                <a:endParaRPr lang="en-US" sz="1200" b="1" dirty="0">
                  <a:solidFill>
                    <a:prstClr val="black"/>
                  </a:solidFill>
                  <a:latin typeface="Calibri" panose="020F0502020204030204" pitchFamily="34" charset="0"/>
                </a:endParaRPr>
              </a:p>
            </p:txBody>
          </p:sp>
        </p:grpSp>
        <p:pic>
          <p:nvPicPr>
            <p:cNvPr id="90" name="Picture 8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354334" y="2267555"/>
              <a:ext cx="758025" cy="698609"/>
            </a:xfrm>
            <a:prstGeom prst="rect">
              <a:avLst/>
            </a:prstGeom>
          </p:spPr>
        </p:pic>
        <p:sp>
          <p:nvSpPr>
            <p:cNvPr id="92" name="TextBox 91"/>
            <p:cNvSpPr txBox="1"/>
            <p:nvPr/>
          </p:nvSpPr>
          <p:spPr>
            <a:xfrm>
              <a:off x="1431576" y="2730759"/>
              <a:ext cx="677547" cy="204338"/>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Autopsy</a:t>
              </a:r>
            </a:p>
          </p:txBody>
        </p:sp>
        <p:sp>
          <p:nvSpPr>
            <p:cNvPr id="93" name="TextBox 92"/>
            <p:cNvSpPr txBox="1"/>
            <p:nvPr/>
          </p:nvSpPr>
          <p:spPr>
            <a:xfrm>
              <a:off x="1264517" y="2087345"/>
              <a:ext cx="960719" cy="204338"/>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Death Scene</a:t>
              </a:r>
            </a:p>
          </p:txBody>
        </p:sp>
        <p:sp>
          <p:nvSpPr>
            <p:cNvPr id="94" name="TextBox 93"/>
            <p:cNvSpPr txBox="1"/>
            <p:nvPr/>
          </p:nvSpPr>
          <p:spPr>
            <a:xfrm>
              <a:off x="1329904" y="3393864"/>
              <a:ext cx="829944" cy="204338"/>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Toxicology</a:t>
              </a:r>
            </a:p>
          </p:txBody>
        </p:sp>
        <p:sp>
          <p:nvSpPr>
            <p:cNvPr id="95" name="TextBox 94"/>
            <p:cNvSpPr txBox="1"/>
            <p:nvPr/>
          </p:nvSpPr>
          <p:spPr>
            <a:xfrm>
              <a:off x="1370855" y="1027056"/>
              <a:ext cx="690792" cy="336557"/>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Medical History</a:t>
              </a:r>
            </a:p>
          </p:txBody>
        </p:sp>
        <p:sp>
          <p:nvSpPr>
            <p:cNvPr id="96" name="Flowchart: Delay 95"/>
            <p:cNvSpPr/>
            <p:nvPr/>
          </p:nvSpPr>
          <p:spPr>
            <a:xfrm rot="16200000">
              <a:off x="1593225" y="4031676"/>
              <a:ext cx="460745" cy="467499"/>
            </a:xfrm>
            <a:prstGeom prst="flowChartDelay">
              <a:avLst/>
            </a:prstGeom>
            <a:solidFill>
              <a:sysClr val="window" lastClr="FFFFFF">
                <a:lumMod val="85000"/>
              </a:sysClr>
            </a:solidFill>
            <a:ln w="12700" cap="flat" cmpd="sng" algn="ctr">
              <a:solidFill>
                <a:sysClr val="windowText" lastClr="000000">
                  <a:lumMod val="95000"/>
                  <a:lumOff val="5000"/>
                </a:sysClr>
              </a:solidFill>
              <a:prstDash val="solid"/>
              <a:miter lim="800000"/>
            </a:ln>
            <a:effectLst/>
          </p:spPr>
          <p:txBody>
            <a:bodyPr rtlCol="0" anchor="ctr"/>
            <a:lstStyle/>
            <a:p>
              <a:pPr algn="ctr" defTabSz="914286" eaLnBrk="0" fontAlgn="base" hangingPunct="0">
                <a:spcBef>
                  <a:spcPct val="0"/>
                </a:spcBef>
                <a:spcAft>
                  <a:spcPct val="0"/>
                </a:spcAft>
                <a:defRPr/>
              </a:pPr>
              <a:endParaRPr lang="en-US" sz="2400" kern="0">
                <a:solidFill>
                  <a:prstClr val="white"/>
                </a:solidFill>
                <a:latin typeface="Calibri" panose="020F0502020204030204"/>
              </a:endParaRPr>
            </a:p>
          </p:txBody>
        </p:sp>
        <p:sp>
          <p:nvSpPr>
            <p:cNvPr id="97" name="TextBox 96"/>
            <p:cNvSpPr txBox="1"/>
            <p:nvPr/>
          </p:nvSpPr>
          <p:spPr>
            <a:xfrm>
              <a:off x="1339290" y="4516203"/>
              <a:ext cx="943502" cy="336557"/>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Demographic</a:t>
              </a:r>
            </a:p>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Data</a:t>
              </a:r>
            </a:p>
          </p:txBody>
        </p:sp>
        <p:sp>
          <p:nvSpPr>
            <p:cNvPr id="98" name="TextBox 97"/>
            <p:cNvSpPr txBox="1"/>
            <p:nvPr/>
          </p:nvSpPr>
          <p:spPr>
            <a:xfrm>
              <a:off x="1489366" y="4153569"/>
              <a:ext cx="668463" cy="204338"/>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Calibri" panose="020F0502020204030204" pitchFamily="34" charset="0"/>
                </a:rPr>
                <a:t>RIP</a:t>
              </a:r>
            </a:p>
          </p:txBody>
        </p:sp>
        <p:pic>
          <p:nvPicPr>
            <p:cNvPr id="99" name="Picture 9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91248" y="2250244"/>
              <a:ext cx="423217" cy="423217"/>
            </a:xfrm>
            <a:prstGeom prst="rect">
              <a:avLst/>
            </a:prstGeom>
          </p:spPr>
        </p:pic>
        <p:pic>
          <p:nvPicPr>
            <p:cNvPr id="100" name="Picture 9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25174" y="4082783"/>
              <a:ext cx="423217" cy="423217"/>
            </a:xfrm>
            <a:prstGeom prst="rect">
              <a:avLst/>
            </a:prstGeom>
          </p:spPr>
        </p:pic>
        <p:sp>
          <p:nvSpPr>
            <p:cNvPr id="101" name="TextBox 100"/>
            <p:cNvSpPr txBox="1"/>
            <p:nvPr/>
          </p:nvSpPr>
          <p:spPr>
            <a:xfrm>
              <a:off x="743752" y="1007867"/>
              <a:ext cx="782249" cy="204338"/>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Physicians</a:t>
              </a:r>
            </a:p>
          </p:txBody>
        </p:sp>
        <p:sp>
          <p:nvSpPr>
            <p:cNvPr id="102" name="TextBox 101"/>
            <p:cNvSpPr txBox="1"/>
            <p:nvPr/>
          </p:nvSpPr>
          <p:spPr>
            <a:xfrm>
              <a:off x="732203" y="2600355"/>
              <a:ext cx="785533" cy="468775"/>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Medical Examiners &amp; Coroners</a:t>
              </a:r>
            </a:p>
          </p:txBody>
        </p:sp>
        <p:sp>
          <p:nvSpPr>
            <p:cNvPr id="103" name="TextBox 102"/>
            <p:cNvSpPr txBox="1"/>
            <p:nvPr/>
          </p:nvSpPr>
          <p:spPr>
            <a:xfrm>
              <a:off x="768900" y="4480801"/>
              <a:ext cx="690792" cy="468775"/>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Funeral Home Directors</a:t>
              </a:r>
            </a:p>
          </p:txBody>
        </p:sp>
        <p:sp>
          <p:nvSpPr>
            <p:cNvPr id="104" name="Rounded Rectangle 103"/>
            <p:cNvSpPr/>
            <p:nvPr/>
          </p:nvSpPr>
          <p:spPr>
            <a:xfrm>
              <a:off x="699166" y="210443"/>
              <a:ext cx="2563166" cy="1206077"/>
            </a:xfrm>
            <a:prstGeom prst="roundRect">
              <a:avLst/>
            </a:prstGeom>
            <a:noFill/>
            <a:ln w="12700" cap="flat" cmpd="sng" algn="ctr">
              <a:solidFill>
                <a:sysClr val="windowText" lastClr="000000"/>
              </a:solidFill>
              <a:prstDash val="solid"/>
              <a:miter lim="800000"/>
            </a:ln>
            <a:effectLst/>
          </p:spPr>
          <p:txBody>
            <a:bodyPr rtlCol="0" anchor="ctr"/>
            <a:lstStyle/>
            <a:p>
              <a:pPr algn="ctr" defTabSz="914286" eaLnBrk="0" fontAlgn="base" hangingPunct="0">
                <a:spcBef>
                  <a:spcPct val="0"/>
                </a:spcBef>
                <a:spcAft>
                  <a:spcPct val="0"/>
                </a:spcAft>
                <a:defRPr/>
              </a:pPr>
              <a:endParaRPr lang="en-US" sz="2400" kern="0">
                <a:solidFill>
                  <a:prstClr val="white"/>
                </a:solidFill>
                <a:latin typeface="Calibri" panose="020F0502020204030204"/>
              </a:endParaRPr>
            </a:p>
          </p:txBody>
        </p:sp>
        <p:sp>
          <p:nvSpPr>
            <p:cNvPr id="105" name="Rounded Rectangle 104"/>
            <p:cNvSpPr/>
            <p:nvPr/>
          </p:nvSpPr>
          <p:spPr>
            <a:xfrm>
              <a:off x="699697" y="1588915"/>
              <a:ext cx="2636903" cy="2006339"/>
            </a:xfrm>
            <a:prstGeom prst="roundRect">
              <a:avLst/>
            </a:prstGeom>
            <a:noFill/>
            <a:ln w="12700" cap="flat" cmpd="sng" algn="ctr">
              <a:solidFill>
                <a:sysClr val="windowText" lastClr="000000"/>
              </a:solidFill>
              <a:prstDash val="solid"/>
              <a:miter lim="800000"/>
            </a:ln>
            <a:effectLst/>
          </p:spPr>
          <p:txBody>
            <a:bodyPr rtlCol="0" anchor="ctr"/>
            <a:lstStyle/>
            <a:p>
              <a:pPr algn="ctr" defTabSz="914286" eaLnBrk="0" fontAlgn="base" hangingPunct="0">
                <a:spcBef>
                  <a:spcPct val="0"/>
                </a:spcBef>
                <a:spcAft>
                  <a:spcPct val="0"/>
                </a:spcAft>
                <a:defRPr/>
              </a:pPr>
              <a:endParaRPr lang="en-US" sz="2400" kern="0">
                <a:solidFill>
                  <a:prstClr val="white"/>
                </a:solidFill>
                <a:latin typeface="Calibri" panose="020F0502020204030204"/>
              </a:endParaRPr>
            </a:p>
          </p:txBody>
        </p:sp>
        <p:sp>
          <p:nvSpPr>
            <p:cNvPr id="106" name="TextBox 105"/>
            <p:cNvSpPr txBox="1"/>
            <p:nvPr/>
          </p:nvSpPr>
          <p:spPr>
            <a:xfrm>
              <a:off x="295044" y="218679"/>
              <a:ext cx="433670" cy="3362573"/>
            </a:xfrm>
            <a:prstGeom prst="rect">
              <a:avLst/>
            </a:prstGeom>
            <a:solidFill>
              <a:srgbClr val="C00000"/>
            </a:solidFill>
          </p:spPr>
          <p:txBody>
            <a:bodyPr vert="vert270" wrap="square" rtlCol="0">
              <a:spAutoFit/>
            </a:bodyPr>
            <a:lstStyle/>
            <a:p>
              <a:pPr algn="ctr" defTabSz="914286" eaLnBrk="0" fontAlgn="base" hangingPunct="0">
                <a:spcBef>
                  <a:spcPct val="0"/>
                </a:spcBef>
                <a:spcAft>
                  <a:spcPct val="0"/>
                </a:spcAft>
                <a:defRPr/>
              </a:pPr>
              <a:r>
                <a:rPr lang="en-US" sz="2400" b="1" dirty="0">
                  <a:solidFill>
                    <a:prstClr val="white"/>
                  </a:solidFill>
                  <a:latin typeface="Calibri" panose="020F0502020204030204"/>
                </a:rPr>
                <a:t>Medical</a:t>
              </a:r>
              <a:r>
                <a:rPr lang="en-US" sz="2400" dirty="0">
                  <a:solidFill>
                    <a:prstClr val="black"/>
                  </a:solidFill>
                  <a:latin typeface="Calibri" panose="020F0502020204030204"/>
                </a:rPr>
                <a:t> </a:t>
              </a:r>
            </a:p>
          </p:txBody>
        </p:sp>
        <p:sp>
          <p:nvSpPr>
            <p:cNvPr id="107" name="TextBox 106"/>
            <p:cNvSpPr txBox="1"/>
            <p:nvPr/>
          </p:nvSpPr>
          <p:spPr>
            <a:xfrm>
              <a:off x="290949" y="3581253"/>
              <a:ext cx="433670" cy="1511875"/>
            </a:xfrm>
            <a:prstGeom prst="rect">
              <a:avLst/>
            </a:prstGeom>
            <a:solidFill>
              <a:srgbClr val="4472C4">
                <a:lumMod val="50000"/>
              </a:srgbClr>
            </a:solidFill>
          </p:spPr>
          <p:txBody>
            <a:bodyPr vert="vert270" wrap="square" rtlCol="0">
              <a:spAutoFit/>
            </a:bodyPr>
            <a:lstStyle/>
            <a:p>
              <a:pPr algn="ctr" defTabSz="914286" eaLnBrk="0" fontAlgn="base" hangingPunct="0">
                <a:spcBef>
                  <a:spcPct val="0"/>
                </a:spcBef>
                <a:spcAft>
                  <a:spcPct val="0"/>
                </a:spcAft>
                <a:defRPr/>
              </a:pPr>
              <a:r>
                <a:rPr lang="en-US" sz="2400" b="1" kern="0" dirty="0">
                  <a:solidFill>
                    <a:prstClr val="white"/>
                  </a:solidFill>
                  <a:latin typeface="Calibri" panose="020F0502020204030204"/>
                </a:rPr>
                <a:t>Demographic</a:t>
              </a:r>
              <a:r>
                <a:rPr lang="en-US" sz="2400" kern="0" dirty="0">
                  <a:solidFill>
                    <a:prstClr val="black"/>
                  </a:solidFill>
                  <a:latin typeface="Calibri" panose="020F0502020204030204"/>
                </a:rPr>
                <a:t> </a:t>
              </a:r>
            </a:p>
          </p:txBody>
        </p:sp>
        <p:pic>
          <p:nvPicPr>
            <p:cNvPr id="108" name="Picture 10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771495" y="2307541"/>
              <a:ext cx="423217" cy="423217"/>
            </a:xfrm>
            <a:prstGeom prst="rect">
              <a:avLst/>
            </a:prstGeom>
          </p:spPr>
        </p:pic>
        <p:sp>
          <p:nvSpPr>
            <p:cNvPr id="109" name="TextBox 108"/>
            <p:cNvSpPr txBox="1"/>
            <p:nvPr/>
          </p:nvSpPr>
          <p:spPr>
            <a:xfrm>
              <a:off x="3620015" y="2719905"/>
              <a:ext cx="775850" cy="336557"/>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State</a:t>
              </a:r>
            </a:p>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Registrars</a:t>
              </a:r>
            </a:p>
          </p:txBody>
        </p:sp>
        <p:sp>
          <p:nvSpPr>
            <p:cNvPr id="110" name="Rounded Rectangle 109"/>
            <p:cNvSpPr/>
            <p:nvPr/>
          </p:nvSpPr>
          <p:spPr>
            <a:xfrm>
              <a:off x="3639347" y="2065374"/>
              <a:ext cx="1602736" cy="1253652"/>
            </a:xfrm>
            <a:prstGeom prst="roundRect">
              <a:avLst/>
            </a:prstGeom>
            <a:noFill/>
            <a:ln w="12700" cap="flat" cmpd="sng" algn="ctr">
              <a:solidFill>
                <a:sysClr val="windowText" lastClr="000000"/>
              </a:solidFill>
              <a:prstDash val="solid"/>
              <a:miter lim="800000"/>
            </a:ln>
            <a:effectLst/>
          </p:spPr>
          <p:txBody>
            <a:bodyPr rtlCol="0" anchor="ctr"/>
            <a:lstStyle/>
            <a:p>
              <a:pPr algn="ctr" defTabSz="914286" eaLnBrk="0" fontAlgn="base" hangingPunct="0">
                <a:spcBef>
                  <a:spcPct val="0"/>
                </a:spcBef>
                <a:spcAft>
                  <a:spcPct val="0"/>
                </a:spcAft>
                <a:defRPr/>
              </a:pPr>
              <a:endParaRPr lang="en-US" sz="2400" kern="0">
                <a:solidFill>
                  <a:prstClr val="white"/>
                </a:solidFill>
                <a:latin typeface="Calibri" panose="020F0502020204030204"/>
              </a:endParaRPr>
            </a:p>
          </p:txBody>
        </p:sp>
        <p:cxnSp>
          <p:nvCxnSpPr>
            <p:cNvPr id="117" name="Straight Connector 116"/>
            <p:cNvCxnSpPr/>
            <p:nvPr/>
          </p:nvCxnSpPr>
          <p:spPr>
            <a:xfrm>
              <a:off x="3429000" y="760008"/>
              <a:ext cx="13996" cy="1905293"/>
            </a:xfrm>
            <a:prstGeom prst="line">
              <a:avLst/>
            </a:prstGeom>
            <a:ln/>
          </p:spPr>
          <p:style>
            <a:lnRef idx="3">
              <a:schemeClr val="dk1"/>
            </a:lnRef>
            <a:fillRef idx="0">
              <a:schemeClr val="dk1"/>
            </a:fillRef>
            <a:effectRef idx="2">
              <a:schemeClr val="dk1"/>
            </a:effectRef>
            <a:fontRef idx="minor">
              <a:schemeClr val="tx1"/>
            </a:fontRef>
          </p:style>
        </p:cxnSp>
        <p:cxnSp>
          <p:nvCxnSpPr>
            <p:cNvPr id="119" name="Straight Connector 118"/>
            <p:cNvCxnSpPr/>
            <p:nvPr/>
          </p:nvCxnSpPr>
          <p:spPr>
            <a:xfrm flipV="1">
              <a:off x="3262333" y="772731"/>
              <a:ext cx="173666" cy="1"/>
            </a:xfrm>
            <a:prstGeom prst="line">
              <a:avLst/>
            </a:prstGeom>
            <a:ln/>
          </p:spPr>
          <p:style>
            <a:lnRef idx="3">
              <a:schemeClr val="dk1"/>
            </a:lnRef>
            <a:fillRef idx="0">
              <a:schemeClr val="dk1"/>
            </a:fillRef>
            <a:effectRef idx="2">
              <a:schemeClr val="dk1"/>
            </a:effectRef>
            <a:fontRef idx="minor">
              <a:schemeClr val="tx1"/>
            </a:fontRef>
          </p:style>
        </p:cxnSp>
        <p:cxnSp>
          <p:nvCxnSpPr>
            <p:cNvPr id="120" name="Straight Connector 119"/>
            <p:cNvCxnSpPr>
              <a:cxnSpLocks/>
            </p:cNvCxnSpPr>
            <p:nvPr/>
          </p:nvCxnSpPr>
          <p:spPr>
            <a:xfrm flipV="1">
              <a:off x="3271663" y="2664505"/>
              <a:ext cx="173666" cy="1"/>
            </a:xfrm>
            <a:prstGeom prst="line">
              <a:avLst/>
            </a:prstGeom>
            <a:ln/>
          </p:spPr>
          <p:style>
            <a:lnRef idx="3">
              <a:schemeClr val="dk1"/>
            </a:lnRef>
            <a:fillRef idx="0">
              <a:schemeClr val="dk1"/>
            </a:fillRef>
            <a:effectRef idx="2">
              <a:schemeClr val="dk1"/>
            </a:effectRef>
            <a:fontRef idx="minor">
              <a:schemeClr val="tx1"/>
            </a:fontRef>
          </p:style>
        </p:cxnSp>
        <p:cxnSp>
          <p:nvCxnSpPr>
            <p:cNvPr id="121" name="Straight Connector 120"/>
            <p:cNvCxnSpPr/>
            <p:nvPr/>
          </p:nvCxnSpPr>
          <p:spPr>
            <a:xfrm flipH="1" flipV="1">
              <a:off x="3429820" y="1509901"/>
              <a:ext cx="792812" cy="514484"/>
            </a:xfrm>
            <a:prstGeom prst="line">
              <a:avLst/>
            </a:prstGeom>
            <a:ln>
              <a:headEnd type="triangle"/>
            </a:ln>
          </p:spPr>
          <p:style>
            <a:lnRef idx="3">
              <a:schemeClr val="dk1"/>
            </a:lnRef>
            <a:fillRef idx="0">
              <a:schemeClr val="dk1"/>
            </a:fillRef>
            <a:effectRef idx="2">
              <a:schemeClr val="dk1"/>
            </a:effectRef>
            <a:fontRef idx="minor">
              <a:schemeClr val="tx1"/>
            </a:fontRef>
          </p:style>
        </p:cxnSp>
        <p:cxnSp>
          <p:nvCxnSpPr>
            <p:cNvPr id="122" name="Straight Connector 121"/>
            <p:cNvCxnSpPr>
              <a:cxnSpLocks/>
              <a:endCxn id="110" idx="3"/>
            </p:cNvCxnSpPr>
            <p:nvPr/>
          </p:nvCxnSpPr>
          <p:spPr>
            <a:xfrm flipH="1">
              <a:off x="5242083" y="2692198"/>
              <a:ext cx="495400" cy="1"/>
            </a:xfrm>
            <a:prstGeom prst="line">
              <a:avLst/>
            </a:prstGeom>
            <a:ln>
              <a:headEnd type="triangle"/>
              <a:tailEnd type="triangle"/>
            </a:ln>
          </p:spPr>
          <p:style>
            <a:lnRef idx="3">
              <a:schemeClr val="dk1"/>
            </a:lnRef>
            <a:fillRef idx="0">
              <a:schemeClr val="dk1"/>
            </a:fillRef>
            <a:effectRef idx="2">
              <a:schemeClr val="dk1"/>
            </a:effectRef>
            <a:fontRef idx="minor">
              <a:schemeClr val="tx1"/>
            </a:fontRef>
          </p:style>
        </p:cxnSp>
        <p:pic>
          <p:nvPicPr>
            <p:cNvPr id="126" name="Picture 12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533036" y="2201151"/>
              <a:ext cx="758025" cy="698607"/>
            </a:xfrm>
            <a:prstGeom prst="rect">
              <a:avLst/>
            </a:prstGeom>
          </p:spPr>
        </p:pic>
        <p:pic>
          <p:nvPicPr>
            <p:cNvPr id="128" name="Picture 12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938299" y="2232552"/>
              <a:ext cx="423217" cy="423217"/>
            </a:xfrm>
            <a:prstGeom prst="rect">
              <a:avLst/>
            </a:prstGeom>
          </p:spPr>
        </p:pic>
        <p:sp>
          <p:nvSpPr>
            <p:cNvPr id="129" name="TextBox 128"/>
            <p:cNvSpPr txBox="1"/>
            <p:nvPr/>
          </p:nvSpPr>
          <p:spPr>
            <a:xfrm>
              <a:off x="5737482" y="2612534"/>
              <a:ext cx="848262" cy="600994"/>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Director of Division of Vital Statistics</a:t>
              </a:r>
            </a:p>
          </p:txBody>
        </p:sp>
        <p:pic>
          <p:nvPicPr>
            <p:cNvPr id="132" name="Picture 131"/>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7853141" y="904385"/>
              <a:ext cx="716241" cy="716241"/>
            </a:xfrm>
            <a:prstGeom prst="rect">
              <a:avLst/>
            </a:prstGeom>
          </p:spPr>
        </p:pic>
        <p:pic>
          <p:nvPicPr>
            <p:cNvPr id="133" name="Picture 132"/>
            <p:cNvPicPr>
              <a:picLocks noChangeAspect="1"/>
            </p:cNvPicPr>
            <p:nvPr/>
          </p:nvPicPr>
          <p:blipFill>
            <a:blip r:embed="rId11"/>
            <a:stretch>
              <a:fillRect/>
            </a:stretch>
          </p:blipFill>
          <p:spPr>
            <a:xfrm>
              <a:off x="7718422" y="2283819"/>
              <a:ext cx="985682" cy="565318"/>
            </a:xfrm>
            <a:prstGeom prst="rect">
              <a:avLst/>
            </a:prstGeom>
          </p:spPr>
        </p:pic>
        <p:pic>
          <p:nvPicPr>
            <p:cNvPr id="134" name="Picture 133"/>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7812935" y="3581252"/>
              <a:ext cx="898167" cy="505219"/>
            </a:xfrm>
            <a:prstGeom prst="rect">
              <a:avLst/>
            </a:prstGeom>
          </p:spPr>
        </p:pic>
        <p:sp>
          <p:nvSpPr>
            <p:cNvPr id="135" name="TextBox 134"/>
            <p:cNvSpPr txBox="1"/>
            <p:nvPr/>
          </p:nvSpPr>
          <p:spPr>
            <a:xfrm>
              <a:off x="7838680" y="1584228"/>
              <a:ext cx="690792" cy="600994"/>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National Analyses and Reports</a:t>
              </a:r>
            </a:p>
          </p:txBody>
        </p:sp>
        <p:sp>
          <p:nvSpPr>
            <p:cNvPr id="136" name="TextBox 135"/>
            <p:cNvSpPr txBox="1"/>
            <p:nvPr/>
          </p:nvSpPr>
          <p:spPr>
            <a:xfrm>
              <a:off x="7718423" y="4114127"/>
              <a:ext cx="1029991" cy="468775"/>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Surveillance, Public Use, and Restricted Data</a:t>
              </a:r>
            </a:p>
          </p:txBody>
        </p:sp>
        <p:cxnSp>
          <p:nvCxnSpPr>
            <p:cNvPr id="137" name="Straight Connector 136"/>
            <p:cNvCxnSpPr/>
            <p:nvPr/>
          </p:nvCxnSpPr>
          <p:spPr>
            <a:xfrm>
              <a:off x="6904997" y="1507795"/>
              <a:ext cx="0" cy="475051"/>
            </a:xfrm>
            <a:prstGeom prst="line">
              <a:avLst/>
            </a:prstGeom>
            <a:ln/>
          </p:spPr>
          <p:style>
            <a:lnRef idx="3">
              <a:schemeClr val="dk1"/>
            </a:lnRef>
            <a:fillRef idx="0">
              <a:schemeClr val="dk1"/>
            </a:fillRef>
            <a:effectRef idx="2">
              <a:schemeClr val="dk1"/>
            </a:effectRef>
            <a:fontRef idx="minor">
              <a:schemeClr val="tx1"/>
            </a:fontRef>
          </p:style>
        </p:cxnSp>
        <p:cxnSp>
          <p:nvCxnSpPr>
            <p:cNvPr id="138" name="Straight Connector 137"/>
            <p:cNvCxnSpPr>
              <a:cxnSpLocks/>
            </p:cNvCxnSpPr>
            <p:nvPr/>
          </p:nvCxnSpPr>
          <p:spPr>
            <a:xfrm>
              <a:off x="6914325" y="3319025"/>
              <a:ext cx="0" cy="401648"/>
            </a:xfrm>
            <a:prstGeom prst="line">
              <a:avLst/>
            </a:prstGeom>
            <a:ln/>
          </p:spPr>
          <p:style>
            <a:lnRef idx="3">
              <a:schemeClr val="dk1"/>
            </a:lnRef>
            <a:fillRef idx="0">
              <a:schemeClr val="dk1"/>
            </a:fillRef>
            <a:effectRef idx="2">
              <a:schemeClr val="dk1"/>
            </a:effectRef>
            <a:fontRef idx="minor">
              <a:schemeClr val="tx1"/>
            </a:fontRef>
          </p:style>
        </p:cxnSp>
        <p:cxnSp>
          <p:nvCxnSpPr>
            <p:cNvPr id="139" name="Straight Connector 138"/>
            <p:cNvCxnSpPr/>
            <p:nvPr/>
          </p:nvCxnSpPr>
          <p:spPr>
            <a:xfrm flipH="1" flipV="1">
              <a:off x="6904999" y="1507795"/>
              <a:ext cx="813425" cy="1"/>
            </a:xfrm>
            <a:prstGeom prst="line">
              <a:avLst/>
            </a:prstGeom>
            <a:ln>
              <a:headEnd type="triangle"/>
            </a:ln>
          </p:spPr>
          <p:style>
            <a:lnRef idx="3">
              <a:schemeClr val="dk1"/>
            </a:lnRef>
            <a:fillRef idx="0">
              <a:schemeClr val="dk1"/>
            </a:fillRef>
            <a:effectRef idx="2">
              <a:schemeClr val="dk1"/>
            </a:effectRef>
            <a:fontRef idx="minor">
              <a:schemeClr val="tx1"/>
            </a:fontRef>
          </p:style>
        </p:cxnSp>
        <p:cxnSp>
          <p:nvCxnSpPr>
            <p:cNvPr id="140" name="Straight Connector 139"/>
            <p:cNvCxnSpPr/>
            <p:nvPr/>
          </p:nvCxnSpPr>
          <p:spPr>
            <a:xfrm flipH="1" flipV="1">
              <a:off x="6909314" y="3719228"/>
              <a:ext cx="811439" cy="9257"/>
            </a:xfrm>
            <a:prstGeom prst="line">
              <a:avLst/>
            </a:prstGeom>
            <a:ln>
              <a:headEnd type="triangle"/>
            </a:ln>
          </p:spPr>
          <p:style>
            <a:lnRef idx="3">
              <a:schemeClr val="dk1"/>
            </a:lnRef>
            <a:fillRef idx="0">
              <a:schemeClr val="dk1"/>
            </a:fillRef>
            <a:effectRef idx="2">
              <a:schemeClr val="dk1"/>
            </a:effectRef>
            <a:fontRef idx="minor">
              <a:schemeClr val="tx1"/>
            </a:fontRef>
          </p:style>
        </p:cxnSp>
        <p:cxnSp>
          <p:nvCxnSpPr>
            <p:cNvPr id="141" name="Straight Connector 140"/>
            <p:cNvCxnSpPr/>
            <p:nvPr/>
          </p:nvCxnSpPr>
          <p:spPr>
            <a:xfrm flipH="1" flipV="1">
              <a:off x="7547877" y="2599959"/>
              <a:ext cx="270274" cy="2902"/>
            </a:xfrm>
            <a:prstGeom prst="line">
              <a:avLst/>
            </a:prstGeom>
            <a:ln>
              <a:headEnd type="triangle"/>
            </a:ln>
          </p:spPr>
          <p:style>
            <a:lnRef idx="3">
              <a:schemeClr val="dk1"/>
            </a:lnRef>
            <a:fillRef idx="0">
              <a:schemeClr val="dk1"/>
            </a:fillRef>
            <a:effectRef idx="2">
              <a:schemeClr val="dk1"/>
            </a:effectRef>
            <a:fontRef idx="minor">
              <a:schemeClr val="tx1"/>
            </a:fontRef>
          </p:style>
        </p:cxnSp>
        <p:pic>
          <p:nvPicPr>
            <p:cNvPr id="146" name="Picture 145"/>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2529881" y="2347220"/>
              <a:ext cx="541455" cy="541455"/>
            </a:xfrm>
            <a:prstGeom prst="rect">
              <a:avLst/>
            </a:prstGeom>
          </p:spPr>
        </p:pic>
        <p:sp>
          <p:nvSpPr>
            <p:cNvPr id="147" name="TextBox 146"/>
            <p:cNvSpPr txBox="1"/>
            <p:nvPr/>
          </p:nvSpPr>
          <p:spPr>
            <a:xfrm>
              <a:off x="2412379" y="2952041"/>
              <a:ext cx="933774" cy="468775"/>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ME/C Case Management Systems</a:t>
              </a:r>
            </a:p>
          </p:txBody>
        </p:sp>
        <p:pic>
          <p:nvPicPr>
            <p:cNvPr id="64" name="Picture 63" descr="File:Diploma-256.png - Wikimedia Commons"/>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4501280" y="2384224"/>
              <a:ext cx="481105" cy="481105"/>
            </a:xfrm>
            <a:prstGeom prst="rect">
              <a:avLst/>
            </a:prstGeom>
          </p:spPr>
        </p:pic>
        <p:pic>
          <p:nvPicPr>
            <p:cNvPr id="65" name="Picture 64"/>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6706623" y="2301622"/>
              <a:ext cx="429137" cy="429137"/>
            </a:xfrm>
            <a:prstGeom prst="rect">
              <a:avLst/>
            </a:prstGeom>
          </p:spPr>
        </p:pic>
        <p:sp>
          <p:nvSpPr>
            <p:cNvPr id="66" name="TextBox 65"/>
            <p:cNvSpPr txBox="1"/>
            <p:nvPr/>
          </p:nvSpPr>
          <p:spPr>
            <a:xfrm>
              <a:off x="4252560" y="2866105"/>
              <a:ext cx="989523" cy="468775"/>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Calibri" panose="020F0502020204030204" pitchFamily="34" charset="0"/>
                </a:rPr>
                <a:t>Death Registration Systems</a:t>
              </a:r>
            </a:p>
          </p:txBody>
        </p:sp>
        <p:sp>
          <p:nvSpPr>
            <p:cNvPr id="70" name="Rounded Rectangle 69"/>
            <p:cNvSpPr/>
            <p:nvPr/>
          </p:nvSpPr>
          <p:spPr>
            <a:xfrm>
              <a:off x="5794909" y="2066718"/>
              <a:ext cx="1713060" cy="1252307"/>
            </a:xfrm>
            <a:prstGeom prst="roundRect">
              <a:avLst/>
            </a:prstGeom>
            <a:noFill/>
            <a:ln w="12700" cap="flat" cmpd="sng" algn="ctr">
              <a:solidFill>
                <a:sysClr val="windowText" lastClr="000000"/>
              </a:solidFill>
              <a:prstDash val="solid"/>
              <a:miter lim="800000"/>
            </a:ln>
            <a:effectLst/>
          </p:spPr>
          <p:txBody>
            <a:bodyPr rtlCol="0" anchor="ctr"/>
            <a:lstStyle/>
            <a:p>
              <a:pPr algn="ctr" defTabSz="914286" eaLnBrk="0" fontAlgn="base" hangingPunct="0">
                <a:spcBef>
                  <a:spcPct val="0"/>
                </a:spcBef>
                <a:spcAft>
                  <a:spcPct val="0"/>
                </a:spcAft>
                <a:defRPr/>
              </a:pPr>
              <a:endParaRPr lang="en-US" sz="2400" kern="0">
                <a:solidFill>
                  <a:prstClr val="white"/>
                </a:solidFill>
                <a:latin typeface="Calibri" panose="020F0502020204030204"/>
              </a:endParaRPr>
            </a:p>
          </p:txBody>
        </p:sp>
        <p:sp>
          <p:nvSpPr>
            <p:cNvPr id="71" name="TextBox 70"/>
            <p:cNvSpPr txBox="1"/>
            <p:nvPr/>
          </p:nvSpPr>
          <p:spPr>
            <a:xfrm>
              <a:off x="6453404" y="2830370"/>
              <a:ext cx="989523" cy="468775"/>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National Vital Statistics System</a:t>
              </a:r>
            </a:p>
          </p:txBody>
        </p:sp>
        <p:cxnSp>
          <p:nvCxnSpPr>
            <p:cNvPr id="118" name="Straight Connector 117"/>
            <p:cNvCxnSpPr/>
            <p:nvPr/>
          </p:nvCxnSpPr>
          <p:spPr>
            <a:xfrm flipH="1">
              <a:off x="3363173" y="3319035"/>
              <a:ext cx="904224" cy="1107514"/>
            </a:xfrm>
            <a:prstGeom prst="line">
              <a:avLst/>
            </a:prstGeom>
            <a:ln>
              <a:headEnd type="triangle"/>
            </a:ln>
          </p:spPr>
          <p:style>
            <a:lnRef idx="3">
              <a:schemeClr val="dk1"/>
            </a:lnRef>
            <a:fillRef idx="0">
              <a:schemeClr val="dk1"/>
            </a:fillRef>
            <a:effectRef idx="2">
              <a:schemeClr val="dk1"/>
            </a:effectRef>
            <a:fontRef idx="minor">
              <a:schemeClr val="tx1"/>
            </a:fontRef>
          </p:style>
        </p:cxnSp>
        <p:cxnSp>
          <p:nvCxnSpPr>
            <p:cNvPr id="116" name="Straight Connector 115">
              <a:extLst>
                <a:ext uri="{FF2B5EF4-FFF2-40B4-BE49-F238E27FC236}">
                  <a16:creationId xmlns:a16="http://schemas.microsoft.com/office/drawing/2014/main" id="{9673B225-715A-4CDE-82C4-AD4CA957B969}"/>
                </a:ext>
              </a:extLst>
            </p:cNvPr>
            <p:cNvCxnSpPr>
              <a:cxnSpLocks/>
              <a:stCxn id="87" idx="0"/>
              <a:endCxn id="74" idx="2"/>
            </p:cNvCxnSpPr>
            <p:nvPr/>
          </p:nvCxnSpPr>
          <p:spPr>
            <a:xfrm flipH="1" flipV="1">
              <a:off x="2781472" y="1315533"/>
              <a:ext cx="30870" cy="976182"/>
            </a:xfrm>
            <a:prstGeom prst="line">
              <a:avLst/>
            </a:prstGeom>
            <a:ln>
              <a:headEnd type="triangle"/>
            </a:ln>
          </p:spPr>
          <p:style>
            <a:lnRef idx="3">
              <a:schemeClr val="dk1"/>
            </a:lnRef>
            <a:fillRef idx="0">
              <a:schemeClr val="dk1"/>
            </a:fillRef>
            <a:effectRef idx="2">
              <a:schemeClr val="dk1"/>
            </a:effectRef>
            <a:fontRef idx="minor">
              <a:schemeClr val="tx1"/>
            </a:fontRef>
          </p:style>
        </p:cxnSp>
      </p:grpSp>
      <p:pic>
        <p:nvPicPr>
          <p:cNvPr id="89" name="Picture 88">
            <a:extLst>
              <a:ext uri="{FF2B5EF4-FFF2-40B4-BE49-F238E27FC236}">
                <a16:creationId xmlns:a16="http://schemas.microsoft.com/office/drawing/2014/main" id="{02E0E5E4-8216-447E-B51D-87B287908544}"/>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6424617" y="5223320"/>
            <a:ext cx="1029497" cy="603995"/>
          </a:xfrm>
          <a:prstGeom prst="rect">
            <a:avLst/>
          </a:prstGeom>
        </p:spPr>
      </p:pic>
      <p:sp>
        <p:nvSpPr>
          <p:cNvPr id="111" name="TextBox 110">
            <a:extLst>
              <a:ext uri="{FF2B5EF4-FFF2-40B4-BE49-F238E27FC236}">
                <a16:creationId xmlns:a16="http://schemas.microsoft.com/office/drawing/2014/main" id="{46CCC6A7-C9E9-42A2-BC5E-2CF51BF33D71}"/>
              </a:ext>
            </a:extLst>
          </p:cNvPr>
          <p:cNvSpPr txBox="1"/>
          <p:nvPr/>
        </p:nvSpPr>
        <p:spPr>
          <a:xfrm>
            <a:off x="6199250" y="5822652"/>
            <a:ext cx="1443340" cy="600164"/>
          </a:xfrm>
          <a:prstGeom prst="rect">
            <a:avLst/>
          </a:prstGeom>
          <a:noFill/>
        </p:spPr>
        <p:txBody>
          <a:bodyPr wrap="square" rtlCol="0">
            <a:spAutoFit/>
          </a:bodyPr>
          <a:lstStyle/>
          <a:p>
            <a:pPr algn="ctr" defTabSz="914286" eaLnBrk="0" fontAlgn="base" hangingPunct="0">
              <a:spcBef>
                <a:spcPct val="0"/>
              </a:spcBef>
              <a:spcAft>
                <a:spcPct val="0"/>
              </a:spcAft>
              <a:defRPr/>
            </a:pPr>
            <a:r>
              <a:rPr lang="en-US" sz="1100" b="1" dirty="0">
                <a:solidFill>
                  <a:srgbClr val="000000"/>
                </a:solidFill>
                <a:latin typeface="Arial" panose="020B0604020202020204" pitchFamily="34" charset="0"/>
                <a:cs typeface="Arial" panose="020B0604020202020204" pitchFamily="34" charset="0"/>
              </a:rPr>
              <a:t>State Surveillance, Public Use, and Restricted Data</a:t>
            </a:r>
          </a:p>
        </p:txBody>
      </p:sp>
      <p:cxnSp>
        <p:nvCxnSpPr>
          <p:cNvPr id="113" name="Straight Connector 112">
            <a:extLst>
              <a:ext uri="{FF2B5EF4-FFF2-40B4-BE49-F238E27FC236}">
                <a16:creationId xmlns:a16="http://schemas.microsoft.com/office/drawing/2014/main" id="{53F85703-D0FD-4DD1-8651-C004426FCD86}"/>
              </a:ext>
            </a:extLst>
          </p:cNvPr>
          <p:cNvCxnSpPr>
            <a:cxnSpLocks/>
            <a:stCxn id="89" idx="0"/>
          </p:cNvCxnSpPr>
          <p:nvPr/>
        </p:nvCxnSpPr>
        <p:spPr>
          <a:xfrm flipH="1" flipV="1">
            <a:off x="6416465" y="4381899"/>
            <a:ext cx="522899" cy="841421"/>
          </a:xfrm>
          <a:prstGeom prst="line">
            <a:avLst/>
          </a:prstGeom>
          <a:ln>
            <a:headEnd type="triangle"/>
          </a:ln>
        </p:spPr>
        <p:style>
          <a:lnRef idx="3">
            <a:schemeClr val="dk1"/>
          </a:lnRef>
          <a:fillRef idx="0">
            <a:schemeClr val="dk1"/>
          </a:fillRef>
          <a:effectRef idx="2">
            <a:schemeClr val="dk1"/>
          </a:effectRef>
          <a:fontRef idx="minor">
            <a:schemeClr val="tx1"/>
          </a:fontRef>
        </p:style>
      </p:cxnSp>
      <p:sp>
        <p:nvSpPr>
          <p:cNvPr id="2" name="TextBox 1">
            <a:extLst>
              <a:ext uri="{FF2B5EF4-FFF2-40B4-BE49-F238E27FC236}">
                <a16:creationId xmlns:a16="http://schemas.microsoft.com/office/drawing/2014/main" id="{16A0EC03-F50D-4278-BCE8-D3671B8A6671}"/>
              </a:ext>
            </a:extLst>
          </p:cNvPr>
          <p:cNvSpPr txBox="1"/>
          <p:nvPr/>
        </p:nvSpPr>
        <p:spPr>
          <a:xfrm>
            <a:off x="5848609" y="4545342"/>
            <a:ext cx="2294427" cy="276999"/>
          </a:xfrm>
          <a:prstGeom prst="rect">
            <a:avLst/>
          </a:prstGeom>
          <a:solidFill>
            <a:schemeClr val="bg1"/>
          </a:solidFill>
        </p:spPr>
        <p:txBody>
          <a:bodyPr wrap="square" rtlCol="0">
            <a:spAutoFit/>
          </a:bodyPr>
          <a:lstStyle/>
          <a:p>
            <a:pPr algn="ctr" defTabSz="1219140" eaLnBrk="0" fontAlgn="base" hangingPunct="0">
              <a:spcBef>
                <a:spcPct val="0"/>
              </a:spcBef>
              <a:spcAft>
                <a:spcPct val="0"/>
              </a:spcAft>
              <a:defRPr/>
            </a:pPr>
            <a:r>
              <a:rPr lang="en-US" sz="1200" b="1" dirty="0">
                <a:solidFill>
                  <a:srgbClr val="000000"/>
                </a:solidFill>
                <a:latin typeface="Arial" panose="020B0604020202020204" pitchFamily="34" charset="0"/>
                <a:cs typeface="Arial" panose="020B0604020202020204" pitchFamily="34" charset="0"/>
              </a:rPr>
              <a:t>Various formats – flat files</a:t>
            </a:r>
          </a:p>
        </p:txBody>
      </p:sp>
      <p:sp>
        <p:nvSpPr>
          <p:cNvPr id="5" name="TextBox 4">
            <a:extLst>
              <a:ext uri="{FF2B5EF4-FFF2-40B4-BE49-F238E27FC236}">
                <a16:creationId xmlns:a16="http://schemas.microsoft.com/office/drawing/2014/main" id="{3CEE4C73-71AB-494C-9DAA-75FDC831E822}"/>
              </a:ext>
            </a:extLst>
          </p:cNvPr>
          <p:cNvSpPr txBox="1"/>
          <p:nvPr/>
        </p:nvSpPr>
        <p:spPr>
          <a:xfrm>
            <a:off x="6962553" y="2938479"/>
            <a:ext cx="578321" cy="461665"/>
          </a:xfrm>
          <a:prstGeom prst="rect">
            <a:avLst/>
          </a:prstGeom>
          <a:solidFill>
            <a:schemeClr val="bg1"/>
          </a:solidFill>
        </p:spPr>
        <p:txBody>
          <a:bodyPr wrap="square" rtlCol="0">
            <a:spAutoFit/>
          </a:bodyPr>
          <a:lstStyle/>
          <a:p>
            <a:pPr algn="ctr" defTabSz="1219140" eaLnBrk="0" fontAlgn="base" hangingPunct="0">
              <a:spcBef>
                <a:spcPct val="0"/>
              </a:spcBef>
              <a:spcAft>
                <a:spcPct val="0"/>
              </a:spcAft>
              <a:defRPr/>
            </a:pPr>
            <a:r>
              <a:rPr lang="en-US" sz="1200" b="1" dirty="0">
                <a:solidFill>
                  <a:srgbClr val="000000"/>
                </a:solidFill>
                <a:latin typeface="Arial" panose="020B0604020202020204" pitchFamily="34" charset="0"/>
                <a:cs typeface="Arial" panose="020B0604020202020204" pitchFamily="34" charset="0"/>
              </a:rPr>
              <a:t>Flat file</a:t>
            </a:r>
          </a:p>
        </p:txBody>
      </p:sp>
      <p:sp>
        <p:nvSpPr>
          <p:cNvPr id="127" name="TextBox 126">
            <a:extLst>
              <a:ext uri="{FF2B5EF4-FFF2-40B4-BE49-F238E27FC236}">
                <a16:creationId xmlns:a16="http://schemas.microsoft.com/office/drawing/2014/main" id="{105E5618-CCFA-498E-9B62-633171A96502}"/>
              </a:ext>
            </a:extLst>
          </p:cNvPr>
          <p:cNvSpPr txBox="1"/>
          <p:nvPr/>
        </p:nvSpPr>
        <p:spPr>
          <a:xfrm>
            <a:off x="4902540" y="1975961"/>
            <a:ext cx="1613720" cy="461665"/>
          </a:xfrm>
          <a:prstGeom prst="rect">
            <a:avLst/>
          </a:prstGeom>
          <a:solidFill>
            <a:schemeClr val="bg1"/>
          </a:solidFill>
        </p:spPr>
        <p:txBody>
          <a:bodyPr wrap="square" rtlCol="0">
            <a:spAutoFit/>
          </a:bodyPr>
          <a:lstStyle/>
          <a:p>
            <a:pPr defTabSz="1219140" eaLnBrk="0" fontAlgn="base" hangingPunct="0">
              <a:spcBef>
                <a:spcPct val="0"/>
              </a:spcBef>
              <a:spcAft>
                <a:spcPct val="0"/>
              </a:spcAft>
              <a:defRPr/>
            </a:pPr>
            <a:r>
              <a:rPr lang="en-US" sz="1200" b="1" dirty="0">
                <a:solidFill>
                  <a:srgbClr val="000000"/>
                </a:solidFill>
                <a:latin typeface="Arial" panose="020B0604020202020204" pitchFamily="34" charset="0"/>
                <a:cs typeface="Arial" panose="020B0604020202020204" pitchFamily="34" charset="0"/>
              </a:rPr>
              <a:t>Manual entry – No interoperability</a:t>
            </a:r>
          </a:p>
        </p:txBody>
      </p:sp>
      <p:sp>
        <p:nvSpPr>
          <p:cNvPr id="130" name="TextBox 129">
            <a:extLst>
              <a:ext uri="{FF2B5EF4-FFF2-40B4-BE49-F238E27FC236}">
                <a16:creationId xmlns:a16="http://schemas.microsoft.com/office/drawing/2014/main" id="{DE4CBEE9-DDBD-4B06-9144-7E0D6A1ECD73}"/>
              </a:ext>
            </a:extLst>
          </p:cNvPr>
          <p:cNvSpPr txBox="1"/>
          <p:nvPr/>
        </p:nvSpPr>
        <p:spPr>
          <a:xfrm>
            <a:off x="2930578" y="2350877"/>
            <a:ext cx="1468951" cy="276999"/>
          </a:xfrm>
          <a:prstGeom prst="rect">
            <a:avLst/>
          </a:prstGeom>
          <a:solidFill>
            <a:schemeClr val="bg1"/>
          </a:solidFill>
        </p:spPr>
        <p:txBody>
          <a:bodyPr wrap="square" rtlCol="0">
            <a:spAutoFit/>
          </a:bodyPr>
          <a:lstStyle/>
          <a:p>
            <a:pPr defTabSz="1219140" eaLnBrk="0" fontAlgn="base" hangingPunct="0">
              <a:spcBef>
                <a:spcPct val="0"/>
              </a:spcBef>
              <a:spcAft>
                <a:spcPct val="0"/>
              </a:spcAft>
              <a:defRPr/>
            </a:pPr>
            <a:r>
              <a:rPr lang="en-US" sz="1200" b="1" dirty="0">
                <a:solidFill>
                  <a:srgbClr val="000000"/>
                </a:solidFill>
                <a:latin typeface="Arial" panose="020B0604020202020204" pitchFamily="34" charset="0"/>
                <a:cs typeface="Arial" panose="020B0604020202020204" pitchFamily="34" charset="0"/>
              </a:rPr>
              <a:t>Various formats</a:t>
            </a:r>
          </a:p>
        </p:txBody>
      </p:sp>
      <p:sp>
        <p:nvSpPr>
          <p:cNvPr id="142" name="TextBox 141">
            <a:extLst>
              <a:ext uri="{FF2B5EF4-FFF2-40B4-BE49-F238E27FC236}">
                <a16:creationId xmlns:a16="http://schemas.microsoft.com/office/drawing/2014/main" id="{2C1FE9F9-4538-4FD7-92DF-82502417A2F8}"/>
              </a:ext>
            </a:extLst>
          </p:cNvPr>
          <p:cNvSpPr txBox="1"/>
          <p:nvPr/>
        </p:nvSpPr>
        <p:spPr>
          <a:xfrm>
            <a:off x="4449684" y="4731986"/>
            <a:ext cx="1346507" cy="646331"/>
          </a:xfrm>
          <a:prstGeom prst="rect">
            <a:avLst/>
          </a:prstGeom>
          <a:solidFill>
            <a:schemeClr val="bg1"/>
          </a:solidFill>
        </p:spPr>
        <p:txBody>
          <a:bodyPr wrap="square" rtlCol="0">
            <a:spAutoFit/>
          </a:bodyPr>
          <a:lstStyle/>
          <a:p>
            <a:pPr algn="ctr" defTabSz="1219140" eaLnBrk="0" fontAlgn="base" hangingPunct="0">
              <a:spcBef>
                <a:spcPct val="0"/>
              </a:spcBef>
              <a:spcAft>
                <a:spcPct val="0"/>
              </a:spcAft>
              <a:defRPr/>
            </a:pPr>
            <a:r>
              <a:rPr lang="en-US" sz="1200" b="1" dirty="0">
                <a:solidFill>
                  <a:srgbClr val="000000"/>
                </a:solidFill>
                <a:latin typeface="Arial" panose="020B0604020202020204" pitchFamily="34" charset="0"/>
                <a:cs typeface="Arial" panose="020B0604020202020204" pitchFamily="34" charset="0"/>
              </a:rPr>
              <a:t>Manual entry – No interoperability</a:t>
            </a:r>
          </a:p>
        </p:txBody>
      </p:sp>
      <p:sp>
        <p:nvSpPr>
          <p:cNvPr id="74" name="TextBox 73">
            <a:extLst>
              <a:ext uri="{FF2B5EF4-FFF2-40B4-BE49-F238E27FC236}">
                <a16:creationId xmlns:a16="http://schemas.microsoft.com/office/drawing/2014/main" id="{A5251411-4611-4C7F-9806-7DBC9EF0E551}"/>
              </a:ext>
            </a:extLst>
          </p:cNvPr>
          <p:cNvSpPr txBox="1"/>
          <p:nvPr/>
        </p:nvSpPr>
        <p:spPr>
          <a:xfrm>
            <a:off x="3432606" y="1599795"/>
            <a:ext cx="583337" cy="29745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algn="ctr">
              <a:defRPr>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defTabSz="1219170" eaLnBrk="0" fontAlgn="base" hangingPunct="0">
              <a:spcBef>
                <a:spcPct val="0"/>
              </a:spcBef>
              <a:spcAft>
                <a:spcPct val="0"/>
              </a:spcAft>
            </a:pPr>
            <a:r>
              <a:rPr lang="en-US" sz="1333" dirty="0">
                <a:solidFill>
                  <a:srgbClr val="FFFFFF"/>
                </a:solidFill>
                <a:latin typeface="Myriad Web Pro"/>
              </a:rPr>
              <a:t>EHR</a:t>
            </a:r>
          </a:p>
        </p:txBody>
      </p:sp>
      <p:sp>
        <p:nvSpPr>
          <p:cNvPr id="91" name="TextBox 90">
            <a:extLst>
              <a:ext uri="{FF2B5EF4-FFF2-40B4-BE49-F238E27FC236}">
                <a16:creationId xmlns:a16="http://schemas.microsoft.com/office/drawing/2014/main" id="{AC3D2726-B55E-439B-89FF-4B729CE05B1B}"/>
              </a:ext>
            </a:extLst>
          </p:cNvPr>
          <p:cNvSpPr txBox="1"/>
          <p:nvPr/>
        </p:nvSpPr>
        <p:spPr>
          <a:xfrm>
            <a:off x="5940999" y="2901551"/>
            <a:ext cx="667363" cy="36933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algn="ctr">
              <a:defRPr>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defTabSz="1219170" eaLnBrk="0" fontAlgn="base" hangingPunct="0">
              <a:spcBef>
                <a:spcPct val="0"/>
              </a:spcBef>
              <a:spcAft>
                <a:spcPct val="0"/>
              </a:spcAft>
            </a:pPr>
            <a:r>
              <a:rPr lang="en-US" sz="1333" dirty="0">
                <a:solidFill>
                  <a:srgbClr val="FFFFFF"/>
                </a:solidFill>
                <a:latin typeface="Myriad Web Pro"/>
              </a:rPr>
              <a:t>EDRS</a:t>
            </a:r>
          </a:p>
        </p:txBody>
      </p:sp>
    </p:spTree>
    <p:extLst>
      <p:ext uri="{BB962C8B-B14F-4D97-AF65-F5344CB8AC3E}">
        <p14:creationId xmlns:p14="http://schemas.microsoft.com/office/powerpoint/2010/main" val="1979310688"/>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4" name="Rounded Rectangle 143"/>
          <p:cNvSpPr/>
          <p:nvPr/>
        </p:nvSpPr>
        <p:spPr>
          <a:xfrm>
            <a:off x="937709" y="5053049"/>
            <a:ext cx="3417555" cy="1608103"/>
          </a:xfrm>
          <a:prstGeom prst="roundRect">
            <a:avLst/>
          </a:prstGeom>
          <a:noFill/>
          <a:ln w="12700" cap="flat" cmpd="sng" algn="ctr">
            <a:solidFill>
              <a:sysClr val="windowText" lastClr="000000"/>
            </a:solidFill>
            <a:prstDash val="solid"/>
            <a:miter lim="800000"/>
          </a:ln>
          <a:effectLst/>
        </p:spPr>
        <p:txBody>
          <a:bodyPr rtlCol="0" anchor="ctr"/>
          <a:lstStyle/>
          <a:p>
            <a:pPr algn="ctr" defTabSz="914332" eaLnBrk="0" fontAlgn="base" hangingPunct="0">
              <a:spcBef>
                <a:spcPct val="0"/>
              </a:spcBef>
              <a:spcAft>
                <a:spcPct val="0"/>
              </a:spcAft>
              <a:defRPr/>
            </a:pPr>
            <a:endParaRPr lang="en-US" sz="2400" kern="0">
              <a:solidFill>
                <a:prstClr val="white"/>
              </a:solidFill>
              <a:latin typeface="Calibri" panose="020F0502020204030204"/>
            </a:endParaRPr>
          </a:p>
        </p:txBody>
      </p:sp>
      <p:pic>
        <p:nvPicPr>
          <p:cNvPr id="75" name="Picture 7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88740" y="752596"/>
            <a:ext cx="564289" cy="564289"/>
          </a:xfrm>
          <a:prstGeom prst="rect">
            <a:avLst/>
          </a:prstGeom>
        </p:spPr>
      </p:pic>
      <p:grpSp>
        <p:nvGrpSpPr>
          <p:cNvPr id="76" name="Group 75"/>
          <p:cNvGrpSpPr/>
          <p:nvPr/>
        </p:nvGrpSpPr>
        <p:grpSpPr>
          <a:xfrm>
            <a:off x="3155459" y="547604"/>
            <a:ext cx="1010700" cy="931477"/>
            <a:chOff x="7306626" y="840396"/>
            <a:chExt cx="1476474" cy="1630618"/>
          </a:xfrm>
        </p:grpSpPr>
        <p:pic>
          <p:nvPicPr>
            <p:cNvPr id="77" name="Picture 7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306626" y="840396"/>
              <a:ext cx="1476474" cy="1630618"/>
            </a:xfrm>
            <a:prstGeom prst="rect">
              <a:avLst/>
            </a:prstGeom>
          </p:spPr>
        </p:pic>
        <p:sp>
          <p:nvSpPr>
            <p:cNvPr id="78" name="TextBox 77"/>
            <p:cNvSpPr txBox="1"/>
            <p:nvPr/>
          </p:nvSpPr>
          <p:spPr>
            <a:xfrm>
              <a:off x="7409152" y="1196497"/>
              <a:ext cx="1309872" cy="1131449"/>
            </a:xfrm>
            <a:prstGeom prst="rect">
              <a:avLst/>
            </a:prstGeom>
            <a:noFill/>
          </p:spPr>
          <p:txBody>
            <a:bodyPr wrap="square" rtlCol="0">
              <a:spAutoFit/>
            </a:bodyPr>
            <a:lstStyle/>
            <a:p>
              <a:pPr algn="ctr" defTabSz="914332" eaLnBrk="0" fontAlgn="base" hangingPunct="0">
                <a:spcBef>
                  <a:spcPct val="0"/>
                </a:spcBef>
                <a:spcAft>
                  <a:spcPct val="0"/>
                </a:spcAft>
              </a:pPr>
              <a:r>
                <a:rPr lang="en-US" sz="1200" b="1" dirty="0">
                  <a:solidFill>
                    <a:prstClr val="black"/>
                  </a:solidFill>
                  <a:latin typeface="Calibri" panose="020F0502020204030204" pitchFamily="34" charset="0"/>
                </a:rPr>
                <a:t>Health Record Systems</a:t>
              </a:r>
            </a:p>
          </p:txBody>
        </p:sp>
      </p:grpSp>
      <p:pic>
        <p:nvPicPr>
          <p:cNvPr id="79" name="Picture 78"/>
          <p:cNvPicPr>
            <a:picLocks noChangeAspect="1"/>
          </p:cNvPicPr>
          <p:nvPr/>
        </p:nvPicPr>
        <p:blipFill>
          <a:blip r:embed="rId5"/>
          <a:stretch>
            <a:fillRect/>
          </a:stretch>
        </p:blipFill>
        <p:spPr>
          <a:xfrm>
            <a:off x="2027833" y="2176265"/>
            <a:ext cx="597339" cy="651641"/>
          </a:xfrm>
          <a:prstGeom prst="rect">
            <a:avLst/>
          </a:prstGeom>
        </p:spPr>
      </p:pic>
      <p:pic>
        <p:nvPicPr>
          <p:cNvPr id="80" name="Picture 79"/>
          <p:cNvPicPr>
            <a:picLocks noChangeAspect="1"/>
          </p:cNvPicPr>
          <p:nvPr/>
        </p:nvPicPr>
        <p:blipFill>
          <a:blip r:embed="rId6"/>
          <a:stretch>
            <a:fillRect/>
          </a:stretch>
        </p:blipFill>
        <p:spPr>
          <a:xfrm>
            <a:off x="1922239" y="3108192"/>
            <a:ext cx="837740" cy="516261"/>
          </a:xfrm>
          <a:prstGeom prst="rect">
            <a:avLst/>
          </a:prstGeom>
        </p:spPr>
      </p:pic>
      <p:pic>
        <p:nvPicPr>
          <p:cNvPr id="81" name="Picture 80"/>
          <p:cNvPicPr>
            <a:picLocks noChangeAspect="1"/>
          </p:cNvPicPr>
          <p:nvPr/>
        </p:nvPicPr>
        <p:blipFill>
          <a:blip r:embed="rId7"/>
          <a:stretch>
            <a:fillRect/>
          </a:stretch>
        </p:blipFill>
        <p:spPr>
          <a:xfrm>
            <a:off x="1980513" y="3964679"/>
            <a:ext cx="692379" cy="603612"/>
          </a:xfrm>
          <a:prstGeom prst="rect">
            <a:avLst/>
          </a:prstGeom>
        </p:spPr>
      </p:pic>
      <p:pic>
        <p:nvPicPr>
          <p:cNvPr id="82" name="Picture 81"/>
          <p:cNvPicPr>
            <a:picLocks noChangeAspect="1"/>
          </p:cNvPicPr>
          <p:nvPr/>
        </p:nvPicPr>
        <p:blipFill>
          <a:blip r:embed="rId8"/>
          <a:stretch>
            <a:fillRect/>
          </a:stretch>
        </p:blipFill>
        <p:spPr>
          <a:xfrm>
            <a:off x="1859707" y="699407"/>
            <a:ext cx="852204" cy="627940"/>
          </a:xfrm>
          <a:prstGeom prst="rect">
            <a:avLst/>
          </a:prstGeom>
        </p:spPr>
      </p:pic>
      <p:grpSp>
        <p:nvGrpSpPr>
          <p:cNvPr id="83" name="Group 82"/>
          <p:cNvGrpSpPr/>
          <p:nvPr/>
        </p:nvGrpSpPr>
        <p:grpSpPr>
          <a:xfrm>
            <a:off x="3225643" y="5433238"/>
            <a:ext cx="1010700" cy="931479"/>
            <a:chOff x="7306626" y="840396"/>
            <a:chExt cx="1476474" cy="1630618"/>
          </a:xfrm>
        </p:grpSpPr>
        <p:pic>
          <p:nvPicPr>
            <p:cNvPr id="84" name="Picture 8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306626" y="840396"/>
              <a:ext cx="1476474" cy="1630618"/>
            </a:xfrm>
            <a:prstGeom prst="rect">
              <a:avLst/>
            </a:prstGeom>
          </p:spPr>
        </p:pic>
        <p:sp>
          <p:nvSpPr>
            <p:cNvPr id="85" name="TextBox 84"/>
            <p:cNvSpPr txBox="1"/>
            <p:nvPr/>
          </p:nvSpPr>
          <p:spPr>
            <a:xfrm>
              <a:off x="7487743" y="1183051"/>
              <a:ext cx="1114239" cy="1131447"/>
            </a:xfrm>
            <a:prstGeom prst="rect">
              <a:avLst/>
            </a:prstGeom>
            <a:noFill/>
          </p:spPr>
          <p:txBody>
            <a:bodyPr wrap="square" rtlCol="0">
              <a:spAutoFit/>
            </a:bodyPr>
            <a:lstStyle/>
            <a:p>
              <a:pPr algn="ctr" defTabSz="914332" eaLnBrk="0" fontAlgn="base" hangingPunct="0">
                <a:spcBef>
                  <a:spcPct val="0"/>
                </a:spcBef>
                <a:spcAft>
                  <a:spcPct val="0"/>
                </a:spcAft>
              </a:pPr>
              <a:r>
                <a:rPr lang="en-US" sz="1200" b="1" dirty="0">
                  <a:solidFill>
                    <a:prstClr val="black"/>
                  </a:solidFill>
                  <a:latin typeface="Calibri" panose="020F0502020204030204" pitchFamily="34" charset="0"/>
                </a:rPr>
                <a:t>Funeral  Home System</a:t>
              </a:r>
            </a:p>
          </p:txBody>
        </p:sp>
      </p:grpSp>
      <p:grpSp>
        <p:nvGrpSpPr>
          <p:cNvPr id="86" name="Group 85"/>
          <p:cNvGrpSpPr/>
          <p:nvPr/>
        </p:nvGrpSpPr>
        <p:grpSpPr>
          <a:xfrm>
            <a:off x="3155460" y="3055620"/>
            <a:ext cx="1184509" cy="931477"/>
            <a:chOff x="7280701" y="840396"/>
            <a:chExt cx="1522989" cy="1630618"/>
          </a:xfrm>
        </p:grpSpPr>
        <p:pic>
          <p:nvPicPr>
            <p:cNvPr id="87" name="Picture 8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7306626" y="840396"/>
              <a:ext cx="1476474" cy="1630618"/>
            </a:xfrm>
            <a:prstGeom prst="rect">
              <a:avLst/>
            </a:prstGeom>
          </p:spPr>
        </p:pic>
        <p:sp>
          <p:nvSpPr>
            <p:cNvPr id="88" name="TextBox 87"/>
            <p:cNvSpPr txBox="1"/>
            <p:nvPr/>
          </p:nvSpPr>
          <p:spPr>
            <a:xfrm>
              <a:off x="7280701" y="1205497"/>
              <a:ext cx="1522989" cy="484907"/>
            </a:xfrm>
            <a:prstGeom prst="rect">
              <a:avLst/>
            </a:prstGeom>
            <a:noFill/>
          </p:spPr>
          <p:txBody>
            <a:bodyPr wrap="square" rtlCol="0">
              <a:spAutoFit/>
            </a:bodyPr>
            <a:lstStyle/>
            <a:p>
              <a:pPr algn="ctr" defTabSz="914332" eaLnBrk="0" fontAlgn="base" hangingPunct="0">
                <a:spcBef>
                  <a:spcPct val="0"/>
                </a:spcBef>
                <a:spcAft>
                  <a:spcPct val="0"/>
                </a:spcAft>
              </a:pPr>
              <a:endParaRPr lang="en-US" sz="1200" b="1" dirty="0">
                <a:solidFill>
                  <a:prstClr val="black"/>
                </a:solidFill>
                <a:latin typeface="Calibri" panose="020F0502020204030204" pitchFamily="34" charset="0"/>
              </a:endParaRPr>
            </a:p>
          </p:txBody>
        </p:sp>
      </p:grpSp>
      <p:pic>
        <p:nvPicPr>
          <p:cNvPr id="90" name="Picture 8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805779" y="3149138"/>
            <a:ext cx="1010700" cy="931479"/>
          </a:xfrm>
          <a:prstGeom prst="rect">
            <a:avLst/>
          </a:prstGeom>
        </p:spPr>
      </p:pic>
      <p:sp>
        <p:nvSpPr>
          <p:cNvPr id="92" name="TextBox 91"/>
          <p:cNvSpPr txBox="1"/>
          <p:nvPr/>
        </p:nvSpPr>
        <p:spPr>
          <a:xfrm>
            <a:off x="1908769" y="3626541"/>
            <a:ext cx="759131" cy="261610"/>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Autopsy</a:t>
            </a:r>
          </a:p>
        </p:txBody>
      </p:sp>
      <p:sp>
        <p:nvSpPr>
          <p:cNvPr id="93" name="TextBox 92"/>
          <p:cNvSpPr txBox="1"/>
          <p:nvPr/>
        </p:nvSpPr>
        <p:spPr>
          <a:xfrm>
            <a:off x="1841454" y="2794225"/>
            <a:ext cx="1017303" cy="261610"/>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Death Scene</a:t>
            </a:r>
          </a:p>
        </p:txBody>
      </p:sp>
      <p:sp>
        <p:nvSpPr>
          <p:cNvPr id="94" name="TextBox 93"/>
          <p:cNvSpPr txBox="1"/>
          <p:nvPr/>
        </p:nvSpPr>
        <p:spPr>
          <a:xfrm>
            <a:off x="1860389" y="4563602"/>
            <a:ext cx="891283" cy="261610"/>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Toxicology</a:t>
            </a:r>
          </a:p>
        </p:txBody>
      </p:sp>
      <p:sp>
        <p:nvSpPr>
          <p:cNvPr id="95" name="TextBox 94"/>
          <p:cNvSpPr txBox="1"/>
          <p:nvPr/>
        </p:nvSpPr>
        <p:spPr>
          <a:xfrm>
            <a:off x="1827805" y="1369409"/>
            <a:ext cx="921056" cy="430887"/>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Medical History</a:t>
            </a:r>
          </a:p>
        </p:txBody>
      </p:sp>
      <p:sp>
        <p:nvSpPr>
          <p:cNvPr id="96" name="Flowchart: Delay 95"/>
          <p:cNvSpPr/>
          <p:nvPr/>
        </p:nvSpPr>
        <p:spPr>
          <a:xfrm rot="16200000">
            <a:off x="2001175" y="5375568"/>
            <a:ext cx="614327" cy="623333"/>
          </a:xfrm>
          <a:prstGeom prst="flowChartDelay">
            <a:avLst/>
          </a:prstGeom>
          <a:solidFill>
            <a:sysClr val="window" lastClr="FFFFFF">
              <a:lumMod val="85000"/>
            </a:sysClr>
          </a:solidFill>
          <a:ln w="12700" cap="flat" cmpd="sng" algn="ctr">
            <a:solidFill>
              <a:sysClr val="windowText" lastClr="000000">
                <a:lumMod val="95000"/>
                <a:lumOff val="5000"/>
              </a:sysClr>
            </a:solidFill>
            <a:prstDash val="solid"/>
            <a:miter lim="800000"/>
          </a:ln>
          <a:effectLst/>
        </p:spPr>
        <p:txBody>
          <a:bodyPr rtlCol="0" anchor="ctr"/>
          <a:lstStyle/>
          <a:p>
            <a:pPr algn="ctr" defTabSz="914332" eaLnBrk="0" fontAlgn="base" hangingPunct="0">
              <a:spcBef>
                <a:spcPct val="0"/>
              </a:spcBef>
              <a:spcAft>
                <a:spcPct val="0"/>
              </a:spcAft>
              <a:defRPr/>
            </a:pPr>
            <a:endParaRPr lang="en-US" sz="2400" kern="0">
              <a:solidFill>
                <a:prstClr val="white"/>
              </a:solidFill>
              <a:latin typeface="Calibri" panose="020F0502020204030204"/>
            </a:endParaRPr>
          </a:p>
        </p:txBody>
      </p:sp>
      <p:sp>
        <p:nvSpPr>
          <p:cNvPr id="97" name="TextBox 96"/>
          <p:cNvSpPr txBox="1"/>
          <p:nvPr/>
        </p:nvSpPr>
        <p:spPr>
          <a:xfrm>
            <a:off x="1785719" y="6021604"/>
            <a:ext cx="1036604" cy="430887"/>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Demographic</a:t>
            </a:r>
          </a:p>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Data</a:t>
            </a:r>
          </a:p>
        </p:txBody>
      </p:sp>
      <p:sp>
        <p:nvSpPr>
          <p:cNvPr id="98" name="TextBox 97"/>
          <p:cNvSpPr txBox="1"/>
          <p:nvPr/>
        </p:nvSpPr>
        <p:spPr>
          <a:xfrm>
            <a:off x="1861229" y="5526284"/>
            <a:ext cx="891283" cy="261610"/>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RIP</a:t>
            </a:r>
          </a:p>
        </p:txBody>
      </p:sp>
      <p:pic>
        <p:nvPicPr>
          <p:cNvPr id="99" name="Picture 9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92278" y="3159102"/>
            <a:ext cx="564289" cy="564289"/>
          </a:xfrm>
          <a:prstGeom prst="rect">
            <a:avLst/>
          </a:prstGeom>
        </p:spPr>
      </p:pic>
      <p:pic>
        <p:nvPicPr>
          <p:cNvPr id="100" name="Picture 9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81645" y="5487637"/>
            <a:ext cx="564289" cy="564289"/>
          </a:xfrm>
          <a:prstGeom prst="rect">
            <a:avLst/>
          </a:prstGeom>
        </p:spPr>
      </p:pic>
      <p:sp>
        <p:nvSpPr>
          <p:cNvPr id="101" name="TextBox 100"/>
          <p:cNvSpPr txBox="1"/>
          <p:nvPr/>
        </p:nvSpPr>
        <p:spPr>
          <a:xfrm>
            <a:off x="903257" y="1344090"/>
            <a:ext cx="921056" cy="261610"/>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Physicians</a:t>
            </a:r>
          </a:p>
        </p:txBody>
      </p:sp>
      <p:sp>
        <p:nvSpPr>
          <p:cNvPr id="102" name="TextBox 101"/>
          <p:cNvSpPr txBox="1"/>
          <p:nvPr/>
        </p:nvSpPr>
        <p:spPr>
          <a:xfrm>
            <a:off x="928064" y="3739954"/>
            <a:ext cx="921056" cy="600164"/>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Medical Examiners &amp; Coroners</a:t>
            </a:r>
          </a:p>
        </p:txBody>
      </p:sp>
      <p:sp>
        <p:nvSpPr>
          <p:cNvPr id="103" name="TextBox 102"/>
          <p:cNvSpPr txBox="1"/>
          <p:nvPr/>
        </p:nvSpPr>
        <p:spPr>
          <a:xfrm>
            <a:off x="906797" y="6004713"/>
            <a:ext cx="921056" cy="600164"/>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Funeral Home Directors</a:t>
            </a:r>
          </a:p>
        </p:txBody>
      </p:sp>
      <p:sp>
        <p:nvSpPr>
          <p:cNvPr id="104" name="Rounded Rectangle 103"/>
          <p:cNvSpPr/>
          <p:nvPr/>
        </p:nvSpPr>
        <p:spPr>
          <a:xfrm>
            <a:off x="932221" y="280591"/>
            <a:ext cx="3417555" cy="1608103"/>
          </a:xfrm>
          <a:prstGeom prst="roundRect">
            <a:avLst/>
          </a:prstGeom>
          <a:noFill/>
          <a:ln w="12700" cap="flat" cmpd="sng" algn="ctr">
            <a:solidFill>
              <a:sysClr val="windowText" lastClr="000000"/>
            </a:solidFill>
            <a:prstDash val="solid"/>
            <a:miter lim="800000"/>
          </a:ln>
          <a:effectLst/>
        </p:spPr>
        <p:txBody>
          <a:bodyPr rtlCol="0" anchor="ctr"/>
          <a:lstStyle/>
          <a:p>
            <a:pPr algn="ctr" defTabSz="914332" eaLnBrk="0" fontAlgn="base" hangingPunct="0">
              <a:spcBef>
                <a:spcPct val="0"/>
              </a:spcBef>
              <a:spcAft>
                <a:spcPct val="0"/>
              </a:spcAft>
              <a:defRPr/>
            </a:pPr>
            <a:endParaRPr lang="en-US" sz="2400" kern="0">
              <a:solidFill>
                <a:prstClr val="white"/>
              </a:solidFill>
              <a:latin typeface="Calibri" panose="020F0502020204030204"/>
            </a:endParaRPr>
          </a:p>
        </p:txBody>
      </p:sp>
      <p:sp>
        <p:nvSpPr>
          <p:cNvPr id="105" name="Rounded Rectangle 104"/>
          <p:cNvSpPr/>
          <p:nvPr/>
        </p:nvSpPr>
        <p:spPr>
          <a:xfrm>
            <a:off x="932929" y="2118553"/>
            <a:ext cx="3417555" cy="2739767"/>
          </a:xfrm>
          <a:prstGeom prst="roundRect">
            <a:avLst/>
          </a:prstGeom>
          <a:noFill/>
          <a:ln w="12700" cap="flat" cmpd="sng" algn="ctr">
            <a:solidFill>
              <a:sysClr val="windowText" lastClr="000000"/>
            </a:solidFill>
            <a:prstDash val="solid"/>
            <a:miter lim="800000"/>
          </a:ln>
          <a:effectLst/>
        </p:spPr>
        <p:txBody>
          <a:bodyPr rtlCol="0" anchor="ctr"/>
          <a:lstStyle/>
          <a:p>
            <a:pPr algn="ctr" defTabSz="914332" eaLnBrk="0" fontAlgn="base" hangingPunct="0">
              <a:spcBef>
                <a:spcPct val="0"/>
              </a:spcBef>
              <a:spcAft>
                <a:spcPct val="0"/>
              </a:spcAft>
              <a:defRPr/>
            </a:pPr>
            <a:endParaRPr lang="en-US" sz="2400" kern="0">
              <a:solidFill>
                <a:prstClr val="white"/>
              </a:solidFill>
              <a:latin typeface="Calibri" panose="020F0502020204030204"/>
            </a:endParaRPr>
          </a:p>
        </p:txBody>
      </p:sp>
      <p:sp>
        <p:nvSpPr>
          <p:cNvPr id="106" name="TextBox 105"/>
          <p:cNvSpPr txBox="1"/>
          <p:nvPr/>
        </p:nvSpPr>
        <p:spPr>
          <a:xfrm>
            <a:off x="393392" y="291572"/>
            <a:ext cx="553998" cy="4599541"/>
          </a:xfrm>
          <a:prstGeom prst="rect">
            <a:avLst/>
          </a:prstGeom>
          <a:solidFill>
            <a:srgbClr val="C00000"/>
          </a:solidFill>
        </p:spPr>
        <p:txBody>
          <a:bodyPr vert="vert270" wrap="square" rtlCol="0">
            <a:spAutoFit/>
          </a:bodyPr>
          <a:lstStyle/>
          <a:p>
            <a:pPr algn="ctr" defTabSz="914332" eaLnBrk="0" fontAlgn="base" hangingPunct="0">
              <a:spcBef>
                <a:spcPct val="0"/>
              </a:spcBef>
              <a:spcAft>
                <a:spcPct val="0"/>
              </a:spcAft>
            </a:pPr>
            <a:r>
              <a:rPr lang="en-US" sz="2400" b="1" dirty="0">
                <a:solidFill>
                  <a:prstClr val="white"/>
                </a:solidFill>
                <a:latin typeface="Calibri" panose="020F0502020204030204"/>
              </a:rPr>
              <a:t>Medical</a:t>
            </a:r>
            <a:r>
              <a:rPr lang="en-US" sz="2400" dirty="0">
                <a:solidFill>
                  <a:prstClr val="black"/>
                </a:solidFill>
                <a:latin typeface="Calibri" panose="020F0502020204030204"/>
              </a:rPr>
              <a:t> </a:t>
            </a:r>
          </a:p>
        </p:txBody>
      </p:sp>
      <p:sp>
        <p:nvSpPr>
          <p:cNvPr id="107" name="TextBox 106"/>
          <p:cNvSpPr txBox="1"/>
          <p:nvPr/>
        </p:nvSpPr>
        <p:spPr>
          <a:xfrm>
            <a:off x="387932" y="4923357"/>
            <a:ext cx="553998" cy="1867480"/>
          </a:xfrm>
          <a:prstGeom prst="rect">
            <a:avLst/>
          </a:prstGeom>
          <a:solidFill>
            <a:srgbClr val="4472C4">
              <a:lumMod val="50000"/>
            </a:srgbClr>
          </a:solidFill>
        </p:spPr>
        <p:txBody>
          <a:bodyPr vert="vert270" wrap="square" rtlCol="0">
            <a:spAutoFit/>
          </a:bodyPr>
          <a:lstStyle/>
          <a:p>
            <a:pPr algn="ctr" defTabSz="914332" eaLnBrk="0" fontAlgn="base" hangingPunct="0">
              <a:spcBef>
                <a:spcPct val="0"/>
              </a:spcBef>
              <a:spcAft>
                <a:spcPct val="0"/>
              </a:spcAft>
              <a:defRPr/>
            </a:pPr>
            <a:r>
              <a:rPr lang="en-US" sz="2400" b="1" kern="0" dirty="0">
                <a:solidFill>
                  <a:prstClr val="white"/>
                </a:solidFill>
                <a:latin typeface="Calibri" panose="020F0502020204030204"/>
              </a:rPr>
              <a:t>Demographic</a:t>
            </a:r>
            <a:r>
              <a:rPr lang="en-US" sz="2400" kern="0" dirty="0">
                <a:solidFill>
                  <a:prstClr val="black"/>
                </a:solidFill>
                <a:latin typeface="Calibri" panose="020F0502020204030204"/>
              </a:rPr>
              <a:t> </a:t>
            </a:r>
          </a:p>
        </p:txBody>
      </p:sp>
      <p:pic>
        <p:nvPicPr>
          <p:cNvPr id="108" name="Picture 10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125577" y="3203313"/>
            <a:ext cx="564289" cy="564289"/>
          </a:xfrm>
          <a:prstGeom prst="rect">
            <a:avLst/>
          </a:prstGeom>
        </p:spPr>
      </p:pic>
      <p:sp>
        <p:nvSpPr>
          <p:cNvPr id="109" name="TextBox 108"/>
          <p:cNvSpPr txBox="1"/>
          <p:nvPr/>
        </p:nvSpPr>
        <p:spPr>
          <a:xfrm>
            <a:off x="4940097" y="3752269"/>
            <a:ext cx="921056" cy="430887"/>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State</a:t>
            </a:r>
          </a:p>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Registrars</a:t>
            </a:r>
          </a:p>
        </p:txBody>
      </p:sp>
      <p:sp>
        <p:nvSpPr>
          <p:cNvPr id="110" name="Rounded Rectangle 109"/>
          <p:cNvSpPr/>
          <p:nvPr/>
        </p:nvSpPr>
        <p:spPr>
          <a:xfrm>
            <a:off x="4852463" y="2879562"/>
            <a:ext cx="2260720" cy="1671535"/>
          </a:xfrm>
          <a:prstGeom prst="roundRect">
            <a:avLst/>
          </a:prstGeom>
          <a:noFill/>
          <a:ln w="12700" cap="flat" cmpd="sng" algn="ctr">
            <a:solidFill>
              <a:sysClr val="windowText" lastClr="000000"/>
            </a:solidFill>
            <a:prstDash val="solid"/>
            <a:miter lim="800000"/>
          </a:ln>
          <a:effectLst/>
        </p:spPr>
        <p:txBody>
          <a:bodyPr rtlCol="0" anchor="ctr"/>
          <a:lstStyle/>
          <a:p>
            <a:pPr algn="ctr" defTabSz="914332" eaLnBrk="0" fontAlgn="base" hangingPunct="0">
              <a:spcBef>
                <a:spcPct val="0"/>
              </a:spcBef>
              <a:spcAft>
                <a:spcPct val="0"/>
              </a:spcAft>
              <a:defRPr/>
            </a:pPr>
            <a:endParaRPr lang="en-US" sz="2400" kern="0">
              <a:solidFill>
                <a:prstClr val="white"/>
              </a:solidFill>
              <a:latin typeface="Calibri" panose="020F0502020204030204"/>
            </a:endParaRPr>
          </a:p>
        </p:txBody>
      </p:sp>
      <p:cxnSp>
        <p:nvCxnSpPr>
          <p:cNvPr id="121" name="Straight Connector 120"/>
          <p:cNvCxnSpPr>
            <a:cxnSpLocks/>
          </p:cNvCxnSpPr>
          <p:nvPr/>
        </p:nvCxnSpPr>
        <p:spPr>
          <a:xfrm flipH="1" flipV="1">
            <a:off x="4331042" y="1244984"/>
            <a:ext cx="1539653" cy="1640971"/>
          </a:xfrm>
          <a:prstGeom prst="line">
            <a:avLst/>
          </a:prstGeom>
          <a:ln>
            <a:headEnd type="triangle"/>
          </a:ln>
        </p:spPr>
        <p:style>
          <a:lnRef idx="3">
            <a:schemeClr val="accent6"/>
          </a:lnRef>
          <a:fillRef idx="0">
            <a:schemeClr val="accent6"/>
          </a:fillRef>
          <a:effectRef idx="2">
            <a:schemeClr val="accent6"/>
          </a:effectRef>
          <a:fontRef idx="minor">
            <a:schemeClr val="tx1"/>
          </a:fontRef>
        </p:style>
      </p:cxnSp>
      <p:cxnSp>
        <p:nvCxnSpPr>
          <p:cNvPr id="122" name="Straight Connector 121"/>
          <p:cNvCxnSpPr/>
          <p:nvPr/>
        </p:nvCxnSpPr>
        <p:spPr>
          <a:xfrm flipH="1">
            <a:off x="7237015" y="3826001"/>
            <a:ext cx="441531" cy="0"/>
          </a:xfrm>
          <a:prstGeom prst="line">
            <a:avLst/>
          </a:prstGeom>
          <a:ln>
            <a:headEnd type="triangle"/>
            <a:tailEnd type="triangle"/>
          </a:ln>
        </p:spPr>
        <p:style>
          <a:lnRef idx="3">
            <a:schemeClr val="accent6"/>
          </a:lnRef>
          <a:fillRef idx="0">
            <a:schemeClr val="accent6"/>
          </a:fillRef>
          <a:effectRef idx="2">
            <a:schemeClr val="accent6"/>
          </a:effectRef>
          <a:fontRef idx="minor">
            <a:schemeClr val="tx1"/>
          </a:fontRef>
        </p:style>
      </p:cxnSp>
      <p:pic>
        <p:nvPicPr>
          <p:cNvPr id="126" name="Picture 12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710715" y="3161574"/>
            <a:ext cx="1010700" cy="931476"/>
          </a:xfrm>
          <a:prstGeom prst="rect">
            <a:avLst/>
          </a:prstGeom>
        </p:spPr>
      </p:pic>
      <p:pic>
        <p:nvPicPr>
          <p:cNvPr id="128" name="Picture 12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030512" y="3215749"/>
            <a:ext cx="564289" cy="564289"/>
          </a:xfrm>
          <a:prstGeom prst="rect">
            <a:avLst/>
          </a:prstGeom>
        </p:spPr>
      </p:pic>
      <p:sp>
        <p:nvSpPr>
          <p:cNvPr id="129" name="TextBox 128"/>
          <p:cNvSpPr txBox="1"/>
          <p:nvPr/>
        </p:nvSpPr>
        <p:spPr>
          <a:xfrm>
            <a:off x="7713810" y="3698161"/>
            <a:ext cx="1131015" cy="600164"/>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Director of Division of Vital Statistics</a:t>
            </a:r>
          </a:p>
        </p:txBody>
      </p:sp>
      <p:pic>
        <p:nvPicPr>
          <p:cNvPr id="132" name="Picture 131"/>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10470855" y="1205847"/>
            <a:ext cx="954988" cy="954988"/>
          </a:xfrm>
          <a:prstGeom prst="rect">
            <a:avLst/>
          </a:prstGeom>
        </p:spPr>
      </p:pic>
      <p:pic>
        <p:nvPicPr>
          <p:cNvPr id="133" name="Picture 132"/>
          <p:cNvPicPr>
            <a:picLocks noChangeAspect="1"/>
          </p:cNvPicPr>
          <p:nvPr/>
        </p:nvPicPr>
        <p:blipFill>
          <a:blip r:embed="rId11"/>
          <a:stretch>
            <a:fillRect/>
          </a:stretch>
        </p:blipFill>
        <p:spPr>
          <a:xfrm>
            <a:off x="10358904" y="3144838"/>
            <a:ext cx="1314243" cy="753757"/>
          </a:xfrm>
          <a:prstGeom prst="rect">
            <a:avLst/>
          </a:prstGeom>
        </p:spPr>
      </p:pic>
      <p:pic>
        <p:nvPicPr>
          <p:cNvPr id="134" name="Picture 133"/>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10417247" y="4900733"/>
            <a:ext cx="1197556" cy="673625"/>
          </a:xfrm>
          <a:prstGeom prst="rect">
            <a:avLst/>
          </a:prstGeom>
        </p:spPr>
      </p:pic>
      <p:sp>
        <p:nvSpPr>
          <p:cNvPr id="135" name="TextBox 134"/>
          <p:cNvSpPr txBox="1"/>
          <p:nvPr/>
        </p:nvSpPr>
        <p:spPr>
          <a:xfrm>
            <a:off x="10451575" y="2238036"/>
            <a:ext cx="921056" cy="600164"/>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National Analyses and Reports</a:t>
            </a:r>
          </a:p>
        </p:txBody>
      </p:sp>
      <p:sp>
        <p:nvSpPr>
          <p:cNvPr id="136" name="TextBox 135"/>
          <p:cNvSpPr txBox="1"/>
          <p:nvPr/>
        </p:nvSpPr>
        <p:spPr>
          <a:xfrm>
            <a:off x="10291232" y="5611232"/>
            <a:ext cx="1373321" cy="600164"/>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Surveillance, Public Use, and Restricted Data</a:t>
            </a:r>
          </a:p>
        </p:txBody>
      </p:sp>
      <p:cxnSp>
        <p:nvCxnSpPr>
          <p:cNvPr id="137" name="Straight Connector 136"/>
          <p:cNvCxnSpPr/>
          <p:nvPr/>
        </p:nvCxnSpPr>
        <p:spPr>
          <a:xfrm>
            <a:off x="9206663" y="2136125"/>
            <a:ext cx="0" cy="633401"/>
          </a:xfrm>
          <a:prstGeom prst="line">
            <a:avLst/>
          </a:prstGeom>
          <a:ln/>
        </p:spPr>
        <p:style>
          <a:lnRef idx="3">
            <a:schemeClr val="accent6"/>
          </a:lnRef>
          <a:fillRef idx="0">
            <a:schemeClr val="accent6"/>
          </a:fillRef>
          <a:effectRef idx="2">
            <a:schemeClr val="accent6"/>
          </a:effectRef>
          <a:fontRef idx="minor">
            <a:schemeClr val="tx1"/>
          </a:fontRef>
        </p:style>
      </p:cxnSp>
      <p:cxnSp>
        <p:nvCxnSpPr>
          <p:cNvPr id="138" name="Straight Connector 137"/>
          <p:cNvCxnSpPr>
            <a:cxnSpLocks/>
          </p:cNvCxnSpPr>
          <p:nvPr/>
        </p:nvCxnSpPr>
        <p:spPr>
          <a:xfrm>
            <a:off x="9206664" y="4620041"/>
            <a:ext cx="12437" cy="466587"/>
          </a:xfrm>
          <a:prstGeom prst="line">
            <a:avLst/>
          </a:prstGeom>
          <a:ln/>
        </p:spPr>
        <p:style>
          <a:lnRef idx="3">
            <a:schemeClr val="accent6"/>
          </a:lnRef>
          <a:fillRef idx="0">
            <a:schemeClr val="accent6"/>
          </a:fillRef>
          <a:effectRef idx="2">
            <a:schemeClr val="accent6"/>
          </a:effectRef>
          <a:fontRef idx="minor">
            <a:schemeClr val="tx1"/>
          </a:fontRef>
        </p:style>
      </p:cxnSp>
      <p:cxnSp>
        <p:nvCxnSpPr>
          <p:cNvPr id="139" name="Straight Connector 138"/>
          <p:cNvCxnSpPr/>
          <p:nvPr/>
        </p:nvCxnSpPr>
        <p:spPr>
          <a:xfrm flipH="1" flipV="1">
            <a:off x="9206666" y="2136125"/>
            <a:ext cx="1084567" cy="1"/>
          </a:xfrm>
          <a:prstGeom prst="line">
            <a:avLst/>
          </a:prstGeom>
          <a:ln>
            <a:headEnd type="triangle"/>
          </a:ln>
        </p:spPr>
        <p:style>
          <a:lnRef idx="3">
            <a:schemeClr val="accent6"/>
          </a:lnRef>
          <a:fillRef idx="0">
            <a:schemeClr val="accent6"/>
          </a:fillRef>
          <a:effectRef idx="2">
            <a:schemeClr val="accent6"/>
          </a:effectRef>
          <a:fontRef idx="minor">
            <a:schemeClr val="tx1"/>
          </a:fontRef>
        </p:style>
      </p:cxnSp>
      <p:cxnSp>
        <p:nvCxnSpPr>
          <p:cNvPr id="140" name="Straight Connector 139"/>
          <p:cNvCxnSpPr/>
          <p:nvPr/>
        </p:nvCxnSpPr>
        <p:spPr>
          <a:xfrm flipH="1" flipV="1">
            <a:off x="9212419" y="5084702"/>
            <a:ext cx="1081919" cy="12343"/>
          </a:xfrm>
          <a:prstGeom prst="line">
            <a:avLst/>
          </a:prstGeom>
          <a:ln>
            <a:headEnd type="triangle"/>
          </a:ln>
        </p:spPr>
        <p:style>
          <a:lnRef idx="3">
            <a:schemeClr val="accent6"/>
          </a:lnRef>
          <a:fillRef idx="0">
            <a:schemeClr val="accent6"/>
          </a:fillRef>
          <a:effectRef idx="2">
            <a:schemeClr val="accent6"/>
          </a:effectRef>
          <a:fontRef idx="minor">
            <a:schemeClr val="tx1"/>
          </a:fontRef>
        </p:style>
      </p:cxnSp>
      <p:cxnSp>
        <p:nvCxnSpPr>
          <p:cNvPr id="141" name="Straight Connector 140"/>
          <p:cNvCxnSpPr/>
          <p:nvPr/>
        </p:nvCxnSpPr>
        <p:spPr>
          <a:xfrm flipH="1" flipV="1">
            <a:off x="10114720" y="3675220"/>
            <a:ext cx="360365" cy="3869"/>
          </a:xfrm>
          <a:prstGeom prst="line">
            <a:avLst/>
          </a:prstGeom>
          <a:ln>
            <a:headEnd type="triangle"/>
          </a:ln>
        </p:spPr>
        <p:style>
          <a:lnRef idx="3">
            <a:schemeClr val="accent6"/>
          </a:lnRef>
          <a:fillRef idx="0">
            <a:schemeClr val="accent6"/>
          </a:fillRef>
          <a:effectRef idx="2">
            <a:schemeClr val="accent6"/>
          </a:effectRef>
          <a:fontRef idx="minor">
            <a:schemeClr val="tx1"/>
          </a:fontRef>
        </p:style>
      </p:cxnSp>
      <p:pic>
        <p:nvPicPr>
          <p:cNvPr id="146" name="Picture 145"/>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3373175" y="3129627"/>
            <a:ext cx="721940" cy="721940"/>
          </a:xfrm>
          <a:prstGeom prst="rect">
            <a:avLst/>
          </a:prstGeom>
        </p:spPr>
      </p:pic>
      <p:sp>
        <p:nvSpPr>
          <p:cNvPr id="147" name="TextBox 146"/>
          <p:cNvSpPr txBox="1"/>
          <p:nvPr/>
        </p:nvSpPr>
        <p:spPr>
          <a:xfrm>
            <a:off x="3216505" y="3936054"/>
            <a:ext cx="1058371" cy="600164"/>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ME/C Case Management Systems</a:t>
            </a:r>
          </a:p>
        </p:txBody>
      </p:sp>
      <p:pic>
        <p:nvPicPr>
          <p:cNvPr id="64" name="Picture 63" descr="File:Diploma-256.png - Wikimedia Commons"/>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6001708" y="3304697"/>
            <a:ext cx="641473" cy="641473"/>
          </a:xfrm>
          <a:prstGeom prst="rect">
            <a:avLst/>
          </a:prstGeom>
        </p:spPr>
      </p:pic>
      <p:pic>
        <p:nvPicPr>
          <p:cNvPr id="65" name="Picture 64"/>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8942165" y="3327765"/>
            <a:ext cx="572183" cy="572183"/>
          </a:xfrm>
          <a:prstGeom prst="rect">
            <a:avLst/>
          </a:prstGeom>
        </p:spPr>
      </p:pic>
      <p:sp>
        <p:nvSpPr>
          <p:cNvPr id="66" name="TextBox 65"/>
          <p:cNvSpPr txBox="1"/>
          <p:nvPr/>
        </p:nvSpPr>
        <p:spPr>
          <a:xfrm>
            <a:off x="5689863" y="3998243"/>
            <a:ext cx="1319364" cy="430887"/>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Death Registration Systems</a:t>
            </a:r>
          </a:p>
        </p:txBody>
      </p:sp>
      <p:sp>
        <p:nvSpPr>
          <p:cNvPr id="71" name="TextBox 70"/>
          <p:cNvSpPr txBox="1"/>
          <p:nvPr/>
        </p:nvSpPr>
        <p:spPr>
          <a:xfrm>
            <a:off x="8650011" y="4000036"/>
            <a:ext cx="1319364" cy="430887"/>
          </a:xfrm>
          <a:prstGeom prst="rect">
            <a:avLst/>
          </a:prstGeom>
          <a:noFill/>
        </p:spPr>
        <p:txBody>
          <a:bodyPr wrap="square" rtlCol="0">
            <a:spAutoFit/>
          </a:bodyPr>
          <a:lstStyle/>
          <a:p>
            <a:pPr algn="ctr" defTabSz="914332" eaLnBrk="0" fontAlgn="base" hangingPunct="0">
              <a:spcBef>
                <a:spcPct val="0"/>
              </a:spcBef>
              <a:spcAft>
                <a:spcPct val="0"/>
              </a:spcAft>
            </a:pPr>
            <a:r>
              <a:rPr lang="en-US" sz="1100" b="1" dirty="0">
                <a:solidFill>
                  <a:srgbClr val="000000"/>
                </a:solidFill>
                <a:latin typeface="Calibri" panose="020F0502020204030204" pitchFamily="34" charset="0"/>
              </a:rPr>
              <a:t>National Vital Statistics System</a:t>
            </a:r>
          </a:p>
        </p:txBody>
      </p:sp>
      <p:sp>
        <p:nvSpPr>
          <p:cNvPr id="3" name="Title 2">
            <a:extLst>
              <a:ext uri="{FF2B5EF4-FFF2-40B4-BE49-F238E27FC236}">
                <a16:creationId xmlns:a16="http://schemas.microsoft.com/office/drawing/2014/main" id="{6DD34068-010B-40B8-87DE-76EED53F2A1B}"/>
              </a:ext>
            </a:extLst>
          </p:cNvPr>
          <p:cNvSpPr>
            <a:spLocks noGrp="1"/>
          </p:cNvSpPr>
          <p:nvPr>
            <p:ph type="title"/>
          </p:nvPr>
        </p:nvSpPr>
        <p:spPr>
          <a:xfrm>
            <a:off x="609600" y="103453"/>
            <a:ext cx="10972800" cy="1143000"/>
          </a:xfrm>
        </p:spPr>
        <p:txBody>
          <a:bodyPr>
            <a:normAutofit/>
          </a:bodyPr>
          <a:lstStyle/>
          <a:p>
            <a:pPr algn="r"/>
            <a:r>
              <a:rPr lang="en-US" dirty="0"/>
              <a:t>Future Mortality Data Flow</a:t>
            </a:r>
          </a:p>
        </p:txBody>
      </p:sp>
      <p:cxnSp>
        <p:nvCxnSpPr>
          <p:cNvPr id="118" name="Straight Connector 117"/>
          <p:cNvCxnSpPr>
            <a:cxnSpLocks/>
            <a:endCxn id="144" idx="3"/>
          </p:cNvCxnSpPr>
          <p:nvPr/>
        </p:nvCxnSpPr>
        <p:spPr>
          <a:xfrm flipH="1">
            <a:off x="4355264" y="4635820"/>
            <a:ext cx="1334600" cy="1221281"/>
          </a:xfrm>
          <a:prstGeom prst="line">
            <a:avLst/>
          </a:prstGeom>
          <a:ln>
            <a:headEnd type="triangle"/>
          </a:ln>
        </p:spPr>
        <p:style>
          <a:lnRef idx="3">
            <a:schemeClr val="accent6"/>
          </a:lnRef>
          <a:fillRef idx="0">
            <a:schemeClr val="accent6"/>
          </a:fillRef>
          <a:effectRef idx="2">
            <a:schemeClr val="accent6"/>
          </a:effectRef>
          <a:fontRef idx="minor">
            <a:schemeClr val="tx1"/>
          </a:fontRef>
        </p:style>
      </p:cxnSp>
      <p:pic>
        <p:nvPicPr>
          <p:cNvPr id="5" name="Picture 4" descr="A close up of a sign&#10;&#10;Description automatically generated">
            <a:extLst>
              <a:ext uri="{FF2B5EF4-FFF2-40B4-BE49-F238E27FC236}">
                <a16:creationId xmlns:a16="http://schemas.microsoft.com/office/drawing/2014/main" id="{AD67D2E3-B20B-4F3C-A9E6-17B5767DB539}"/>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4917406" y="1596739"/>
            <a:ext cx="1251348" cy="301435"/>
          </a:xfrm>
          <a:prstGeom prst="rect">
            <a:avLst/>
          </a:prstGeom>
        </p:spPr>
      </p:pic>
      <p:pic>
        <p:nvPicPr>
          <p:cNvPr id="89" name="Picture 88" descr="A close up of a sign&#10;&#10;Description automatically generated">
            <a:extLst>
              <a:ext uri="{FF2B5EF4-FFF2-40B4-BE49-F238E27FC236}">
                <a16:creationId xmlns:a16="http://schemas.microsoft.com/office/drawing/2014/main" id="{D2408896-8894-4958-B8DD-356546FD2B27}"/>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5008458" y="5400201"/>
            <a:ext cx="1251348" cy="301435"/>
          </a:xfrm>
          <a:prstGeom prst="rect">
            <a:avLst/>
          </a:prstGeom>
        </p:spPr>
      </p:pic>
      <p:pic>
        <p:nvPicPr>
          <p:cNvPr id="91" name="Picture 90" descr="A close up of a sign&#10;&#10;Description automatically generated">
            <a:extLst>
              <a:ext uri="{FF2B5EF4-FFF2-40B4-BE49-F238E27FC236}">
                <a16:creationId xmlns:a16="http://schemas.microsoft.com/office/drawing/2014/main" id="{D8FCE795-94C5-4B45-A5DA-B1F3E3404F4D}"/>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6986586" y="3266764"/>
            <a:ext cx="1251348" cy="301435"/>
          </a:xfrm>
          <a:prstGeom prst="rect">
            <a:avLst/>
          </a:prstGeom>
        </p:spPr>
      </p:pic>
      <p:sp>
        <p:nvSpPr>
          <p:cNvPr id="73" name="Rounded Rectangle 69">
            <a:extLst>
              <a:ext uri="{FF2B5EF4-FFF2-40B4-BE49-F238E27FC236}">
                <a16:creationId xmlns:a16="http://schemas.microsoft.com/office/drawing/2014/main" id="{1A926CF1-0895-44EC-B91B-F6E892EA2F7D}"/>
              </a:ext>
            </a:extLst>
          </p:cNvPr>
          <p:cNvSpPr/>
          <p:nvPr/>
        </p:nvSpPr>
        <p:spPr>
          <a:xfrm>
            <a:off x="7878945" y="3031962"/>
            <a:ext cx="2260720" cy="1588079"/>
          </a:xfrm>
          <a:prstGeom prst="roundRect">
            <a:avLst/>
          </a:prstGeom>
          <a:noFill/>
          <a:ln w="12700" cap="flat" cmpd="sng" algn="ctr">
            <a:solidFill>
              <a:sysClr val="windowText" lastClr="000000"/>
            </a:solidFill>
            <a:prstDash val="solid"/>
            <a:miter lim="800000"/>
          </a:ln>
          <a:effectLst/>
        </p:spPr>
        <p:txBody>
          <a:bodyPr rtlCol="0" anchor="ctr"/>
          <a:lstStyle/>
          <a:p>
            <a:pPr algn="ctr" defTabSz="914332" eaLnBrk="0" fontAlgn="base" hangingPunct="0">
              <a:spcBef>
                <a:spcPct val="0"/>
              </a:spcBef>
              <a:spcAft>
                <a:spcPct val="0"/>
              </a:spcAft>
              <a:defRPr/>
            </a:pPr>
            <a:endParaRPr lang="en-US" sz="2400" kern="0">
              <a:solidFill>
                <a:prstClr val="white"/>
              </a:solidFill>
              <a:latin typeface="Calibri" panose="020F0502020204030204"/>
            </a:endParaRPr>
          </a:p>
        </p:txBody>
      </p:sp>
      <p:cxnSp>
        <p:nvCxnSpPr>
          <p:cNvPr id="111" name="Straight Connector 110">
            <a:extLst>
              <a:ext uri="{FF2B5EF4-FFF2-40B4-BE49-F238E27FC236}">
                <a16:creationId xmlns:a16="http://schemas.microsoft.com/office/drawing/2014/main" id="{50470840-9DDD-4695-9599-0C9E716F40A0}"/>
              </a:ext>
            </a:extLst>
          </p:cNvPr>
          <p:cNvCxnSpPr>
            <a:cxnSpLocks/>
          </p:cNvCxnSpPr>
          <p:nvPr/>
        </p:nvCxnSpPr>
        <p:spPr>
          <a:xfrm flipH="1">
            <a:off x="4330962" y="3521359"/>
            <a:ext cx="502751" cy="0"/>
          </a:xfrm>
          <a:prstGeom prst="line">
            <a:avLst/>
          </a:prstGeom>
          <a:ln>
            <a:headEnd type="triangle"/>
          </a:ln>
        </p:spPr>
        <p:style>
          <a:lnRef idx="3">
            <a:schemeClr val="accent6"/>
          </a:lnRef>
          <a:fillRef idx="0">
            <a:schemeClr val="accent6"/>
          </a:fillRef>
          <a:effectRef idx="2">
            <a:schemeClr val="accent6"/>
          </a:effectRef>
          <a:fontRef idx="minor">
            <a:schemeClr val="tx1"/>
          </a:fontRef>
        </p:style>
      </p:cxnSp>
      <p:pic>
        <p:nvPicPr>
          <p:cNvPr id="112" name="Picture 111" descr="A close up of a sign&#10;&#10;Description automatically generated">
            <a:extLst>
              <a:ext uri="{FF2B5EF4-FFF2-40B4-BE49-F238E27FC236}">
                <a16:creationId xmlns:a16="http://schemas.microsoft.com/office/drawing/2014/main" id="{B2CB8616-4E9E-433F-B30B-30A42A0E5324}"/>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4087927" y="2741601"/>
            <a:ext cx="1251348" cy="301435"/>
          </a:xfrm>
          <a:prstGeom prst="rect">
            <a:avLst/>
          </a:prstGeom>
        </p:spPr>
      </p:pic>
      <p:sp>
        <p:nvSpPr>
          <p:cNvPr id="8" name="Rectangle 7">
            <a:extLst>
              <a:ext uri="{FF2B5EF4-FFF2-40B4-BE49-F238E27FC236}">
                <a16:creationId xmlns:a16="http://schemas.microsoft.com/office/drawing/2014/main" id="{4E716EE8-C96E-43AA-918B-68631C51FE94}"/>
              </a:ext>
            </a:extLst>
          </p:cNvPr>
          <p:cNvSpPr/>
          <p:nvPr/>
        </p:nvSpPr>
        <p:spPr>
          <a:xfrm>
            <a:off x="3316491" y="1516985"/>
            <a:ext cx="703175" cy="2744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r>
              <a:rPr lang="en-US" sz="1333" dirty="0">
                <a:solidFill>
                  <a:srgbClr val="FFFFFF"/>
                </a:solidFill>
                <a:latin typeface="Myriad Web Pro"/>
              </a:rPr>
              <a:t>EHR</a:t>
            </a:r>
          </a:p>
        </p:txBody>
      </p:sp>
      <p:sp>
        <p:nvSpPr>
          <p:cNvPr id="13" name="Oval 12">
            <a:extLst>
              <a:ext uri="{FF2B5EF4-FFF2-40B4-BE49-F238E27FC236}">
                <a16:creationId xmlns:a16="http://schemas.microsoft.com/office/drawing/2014/main" id="{539A33B0-6D5D-4E18-B751-334EF814400B}"/>
              </a:ext>
            </a:extLst>
          </p:cNvPr>
          <p:cNvSpPr/>
          <p:nvPr/>
        </p:nvSpPr>
        <p:spPr>
          <a:xfrm>
            <a:off x="4085666" y="1012600"/>
            <a:ext cx="2332975" cy="1617369"/>
          </a:xfrm>
          <a:prstGeom prst="ellipse">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endParaRPr lang="en-US" sz="2400" dirty="0">
              <a:solidFill>
                <a:srgbClr val="FFC000"/>
              </a:solidFill>
              <a:latin typeface="Myriad Web Pro"/>
            </a:endParaRPr>
          </a:p>
        </p:txBody>
      </p:sp>
      <p:sp>
        <p:nvSpPr>
          <p:cNvPr id="68" name="TextBox 67">
            <a:extLst>
              <a:ext uri="{FF2B5EF4-FFF2-40B4-BE49-F238E27FC236}">
                <a16:creationId xmlns:a16="http://schemas.microsoft.com/office/drawing/2014/main" id="{65AD7CE3-0DF7-4BA3-8F63-7FA95C940690}"/>
              </a:ext>
            </a:extLst>
          </p:cNvPr>
          <p:cNvSpPr txBox="1"/>
          <p:nvPr/>
        </p:nvSpPr>
        <p:spPr>
          <a:xfrm>
            <a:off x="5940999" y="2901551"/>
            <a:ext cx="667363" cy="36933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algn="ctr">
              <a:defRPr>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defTabSz="1219170" eaLnBrk="0" fontAlgn="base" hangingPunct="0">
              <a:spcBef>
                <a:spcPct val="0"/>
              </a:spcBef>
              <a:spcAft>
                <a:spcPct val="0"/>
              </a:spcAft>
            </a:pPr>
            <a:r>
              <a:rPr lang="en-US" sz="1333" dirty="0">
                <a:solidFill>
                  <a:srgbClr val="FFFFFF"/>
                </a:solidFill>
                <a:latin typeface="Myriad Web Pro"/>
              </a:rPr>
              <a:t>EDRS</a:t>
            </a:r>
          </a:p>
        </p:txBody>
      </p:sp>
    </p:spTree>
    <p:extLst>
      <p:ext uri="{BB962C8B-B14F-4D97-AF65-F5344CB8AC3E}">
        <p14:creationId xmlns:p14="http://schemas.microsoft.com/office/powerpoint/2010/main" val="95237835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9"/>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12"/>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C831F6-33B4-4BA0-AB5E-41C483A57416}"/>
              </a:ext>
            </a:extLst>
          </p:cNvPr>
          <p:cNvSpPr>
            <a:spLocks noGrp="1"/>
          </p:cNvSpPr>
          <p:nvPr>
            <p:ph type="title"/>
          </p:nvPr>
        </p:nvSpPr>
        <p:spPr/>
        <p:txBody>
          <a:bodyPr>
            <a:normAutofit/>
          </a:bodyPr>
          <a:lstStyle/>
          <a:p>
            <a:pPr algn="ctr"/>
            <a:r>
              <a:rPr lang="en-US" dirty="0">
                <a:solidFill>
                  <a:srgbClr val="006858"/>
                </a:solidFill>
              </a:rPr>
              <a:t>Problem Statement </a:t>
            </a:r>
          </a:p>
        </p:txBody>
      </p:sp>
      <p:sp>
        <p:nvSpPr>
          <p:cNvPr id="3" name="Text Placeholder 2">
            <a:extLst>
              <a:ext uri="{FF2B5EF4-FFF2-40B4-BE49-F238E27FC236}">
                <a16:creationId xmlns:a16="http://schemas.microsoft.com/office/drawing/2014/main" id="{A67FD2B6-6206-4D51-AF42-D7A5733EC1C7}"/>
              </a:ext>
            </a:extLst>
          </p:cNvPr>
          <p:cNvSpPr>
            <a:spLocks noGrp="1"/>
          </p:cNvSpPr>
          <p:nvPr>
            <p:ph type="body" sz="quarter" idx="10"/>
          </p:nvPr>
        </p:nvSpPr>
        <p:spPr>
          <a:xfrm>
            <a:off x="831915" y="1762492"/>
            <a:ext cx="10972800" cy="4455584"/>
          </a:xfrm>
        </p:spPr>
        <p:txBody>
          <a:bodyPr>
            <a:normAutofit/>
          </a:bodyPr>
          <a:lstStyle/>
          <a:p>
            <a:r>
              <a:rPr lang="en-US" sz="2800" dirty="0">
                <a:solidFill>
                  <a:srgbClr val="020B1C"/>
                </a:solidFill>
                <a:latin typeface="Times New Roman" panose="02020603050405020304" pitchFamily="18" charset="0"/>
                <a:cs typeface="Times New Roman" panose="02020603050405020304" pitchFamily="18" charset="0"/>
              </a:rPr>
              <a:t>A large percentage of death certificates are certified manually by physicians using paper-based approaches which compromises the timeliness and accuracy of mortality data</a:t>
            </a:r>
          </a:p>
          <a:p>
            <a:pPr lvl="1"/>
            <a:r>
              <a:rPr lang="en-US" sz="2800" dirty="0">
                <a:solidFill>
                  <a:srgbClr val="020B1C"/>
                </a:solidFill>
                <a:latin typeface="Times New Roman" panose="02020603050405020304" pitchFamily="18" charset="0"/>
                <a:cs typeface="Times New Roman" panose="02020603050405020304" pitchFamily="18" charset="0"/>
              </a:rPr>
              <a:t>Duplicate data entry between EHR and Electronic Death Registration System (EDRS)</a:t>
            </a:r>
          </a:p>
          <a:p>
            <a:pPr lvl="1"/>
            <a:r>
              <a:rPr lang="en-US" sz="2800" dirty="0">
                <a:solidFill>
                  <a:srgbClr val="020B1C"/>
                </a:solidFill>
                <a:latin typeface="Times New Roman" panose="02020603050405020304" pitchFamily="18" charset="0"/>
                <a:cs typeface="Times New Roman" panose="02020603050405020304" pitchFamily="18" charset="0"/>
              </a:rPr>
              <a:t>Having to log into multiple systems/sources to get information needed to certify the cause and manner of death for deaths- cumbersome and time-consuming process.</a:t>
            </a:r>
          </a:p>
        </p:txBody>
      </p:sp>
    </p:spTree>
    <p:extLst>
      <p:ext uri="{BB962C8B-B14F-4D97-AF65-F5344CB8AC3E}">
        <p14:creationId xmlns:p14="http://schemas.microsoft.com/office/powerpoint/2010/main" val="1088422124"/>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207487D-B819-41B5-B322-1DA4EA76BE07}"/>
              </a:ext>
            </a:extLst>
          </p:cNvPr>
          <p:cNvSpPr>
            <a:spLocks noGrp="1"/>
          </p:cNvSpPr>
          <p:nvPr>
            <p:ph type="title"/>
          </p:nvPr>
        </p:nvSpPr>
        <p:spPr/>
        <p:txBody>
          <a:bodyPr>
            <a:normAutofit/>
          </a:bodyPr>
          <a:lstStyle/>
          <a:p>
            <a:pPr algn="ctr"/>
            <a:r>
              <a:rPr lang="en-US" dirty="0">
                <a:solidFill>
                  <a:srgbClr val="006858"/>
                </a:solidFill>
              </a:rPr>
              <a:t>Objectives</a:t>
            </a:r>
          </a:p>
        </p:txBody>
      </p:sp>
      <p:sp>
        <p:nvSpPr>
          <p:cNvPr id="3" name="Text Placeholder 2">
            <a:extLst>
              <a:ext uri="{FF2B5EF4-FFF2-40B4-BE49-F238E27FC236}">
                <a16:creationId xmlns:a16="http://schemas.microsoft.com/office/drawing/2014/main" id="{413892BE-B1BE-44B0-B974-3C316B950E54}"/>
              </a:ext>
            </a:extLst>
          </p:cNvPr>
          <p:cNvSpPr>
            <a:spLocks noGrp="1"/>
          </p:cNvSpPr>
          <p:nvPr>
            <p:ph type="body" sz="quarter" idx="10"/>
          </p:nvPr>
        </p:nvSpPr>
        <p:spPr>
          <a:xfrm>
            <a:off x="609600" y="1417639"/>
            <a:ext cx="10972800" cy="4455584"/>
          </a:xfrm>
        </p:spPr>
        <p:txBody>
          <a:bodyPr/>
          <a:lstStyle/>
          <a:p>
            <a:pPr marL="0" indent="0">
              <a:buNone/>
            </a:pPr>
            <a:endParaRPr lang="en-US" sz="1800" dirty="0">
              <a:solidFill>
                <a:srgbClr val="020B1C"/>
              </a:solidFill>
              <a:latin typeface="Times New Roman" panose="02020603050405020304" pitchFamily="18" charset="0"/>
              <a:cs typeface="Times New Roman" panose="02020603050405020304" pitchFamily="18" charset="0"/>
            </a:endParaRPr>
          </a:p>
          <a:p>
            <a:pPr lvl="1"/>
            <a:r>
              <a:rPr lang="en-US" sz="2800" dirty="0">
                <a:solidFill>
                  <a:srgbClr val="020B1C"/>
                </a:solidFill>
                <a:latin typeface="Times New Roman" panose="02020603050405020304" pitchFamily="18" charset="0"/>
                <a:cs typeface="Times New Roman" panose="02020603050405020304" pitchFamily="18" charset="0"/>
              </a:rPr>
              <a:t>Improve the timeliness in the creation of a death certificate in the EDRS</a:t>
            </a:r>
          </a:p>
          <a:p>
            <a:pPr lvl="1"/>
            <a:r>
              <a:rPr lang="en-US" sz="2800" dirty="0">
                <a:solidFill>
                  <a:srgbClr val="020B1C"/>
                </a:solidFill>
                <a:latin typeface="Times New Roman" panose="02020603050405020304" pitchFamily="18" charset="0"/>
                <a:cs typeface="Times New Roman" panose="02020603050405020304" pitchFamily="18" charset="0"/>
              </a:rPr>
              <a:t>Decrease the re-entry of demographic data into the EDRS for the death certificate </a:t>
            </a:r>
          </a:p>
          <a:p>
            <a:pPr lvl="1"/>
            <a:r>
              <a:rPr lang="en-US" sz="2800" dirty="0">
                <a:solidFill>
                  <a:srgbClr val="020B1C"/>
                </a:solidFill>
                <a:latin typeface="Times New Roman" panose="02020603050405020304" pitchFamily="18" charset="0"/>
                <a:cs typeface="Times New Roman" panose="02020603050405020304" pitchFamily="18" charset="0"/>
              </a:rPr>
              <a:t>Provide clinical information to physicians for cause and manner of death determination (from the EHR) when certifying the cause and manner of death</a:t>
            </a:r>
          </a:p>
          <a:p>
            <a:pPr lvl="1"/>
            <a:r>
              <a:rPr lang="en-US" sz="2800" dirty="0">
                <a:solidFill>
                  <a:srgbClr val="020B1C"/>
                </a:solidFill>
                <a:latin typeface="Times New Roman" panose="02020603050405020304" pitchFamily="18" charset="0"/>
                <a:cs typeface="Times New Roman" panose="02020603050405020304" pitchFamily="18" charset="0"/>
              </a:rPr>
              <a:t>Maintain or improve data accuracy in the death certification process</a:t>
            </a:r>
          </a:p>
        </p:txBody>
      </p:sp>
    </p:spTree>
    <p:extLst>
      <p:ext uri="{BB962C8B-B14F-4D97-AF65-F5344CB8AC3E}">
        <p14:creationId xmlns:p14="http://schemas.microsoft.com/office/powerpoint/2010/main" val="323603518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3B277B-7683-4707-9189-357EAB7331ED}"/>
              </a:ext>
            </a:extLst>
          </p:cNvPr>
          <p:cNvSpPr>
            <a:spLocks noGrp="1"/>
          </p:cNvSpPr>
          <p:nvPr>
            <p:ph type="title"/>
          </p:nvPr>
        </p:nvSpPr>
        <p:spPr/>
        <p:txBody>
          <a:bodyPr/>
          <a:lstStyle/>
          <a:p>
            <a:pPr algn="ctr"/>
            <a:r>
              <a:rPr lang="en-US" dirty="0"/>
              <a:t>Alignment with </a:t>
            </a:r>
            <a:r>
              <a:rPr lang="en-US" dirty="0" err="1"/>
              <a:t>MedMorph</a:t>
            </a:r>
            <a:r>
              <a:rPr lang="en-US" dirty="0"/>
              <a:t> Use cases</a:t>
            </a:r>
          </a:p>
        </p:txBody>
      </p:sp>
      <p:sp>
        <p:nvSpPr>
          <p:cNvPr id="3" name="Text Placeholder 2">
            <a:extLst>
              <a:ext uri="{FF2B5EF4-FFF2-40B4-BE49-F238E27FC236}">
                <a16:creationId xmlns:a16="http://schemas.microsoft.com/office/drawing/2014/main" id="{3CE01440-A990-4B1C-A19D-2DC6EB8034CE}"/>
              </a:ext>
            </a:extLst>
          </p:cNvPr>
          <p:cNvSpPr>
            <a:spLocks noGrp="1"/>
          </p:cNvSpPr>
          <p:nvPr>
            <p:ph type="body" sz="quarter" idx="10"/>
          </p:nvPr>
        </p:nvSpPr>
        <p:spPr/>
        <p:txBody>
          <a:bodyPr/>
          <a:lstStyle/>
          <a:p>
            <a:pPr lvl="1">
              <a:buClr>
                <a:srgbClr val="532E63"/>
              </a:buClr>
            </a:pPr>
            <a:r>
              <a:rPr lang="en-US" sz="2800" dirty="0">
                <a:solidFill>
                  <a:srgbClr val="020B1C"/>
                </a:solidFill>
                <a:latin typeface="Times New Roman" panose="02020603050405020304" pitchFamily="18" charset="0"/>
                <a:cs typeface="Times New Roman" panose="02020603050405020304" pitchFamily="18" charset="0"/>
              </a:rPr>
              <a:t>Identify  triggers from the EHRs that would indicate a death happened</a:t>
            </a:r>
          </a:p>
          <a:p>
            <a:pPr lvl="1">
              <a:buClr>
                <a:srgbClr val="532E63"/>
              </a:buClr>
            </a:pPr>
            <a:endParaRPr lang="en-US" sz="2800" dirty="0">
              <a:solidFill>
                <a:srgbClr val="020B1C"/>
              </a:solidFill>
              <a:latin typeface="Times New Roman" panose="02020603050405020304" pitchFamily="18" charset="0"/>
              <a:cs typeface="Times New Roman" panose="02020603050405020304" pitchFamily="18" charset="0"/>
            </a:endParaRPr>
          </a:p>
          <a:p>
            <a:pPr lvl="1">
              <a:buClr>
                <a:srgbClr val="532E63"/>
              </a:buClr>
            </a:pPr>
            <a:r>
              <a:rPr lang="en-US" sz="2800" dirty="0">
                <a:solidFill>
                  <a:srgbClr val="020B1C"/>
                </a:solidFill>
                <a:latin typeface="Times New Roman" panose="02020603050405020304" pitchFamily="18" charset="0"/>
                <a:cs typeface="Times New Roman" panose="02020603050405020304" pitchFamily="18" charset="0"/>
              </a:rPr>
              <a:t>Demonstrate information from the EHR that can be prepopulated  in the EDRS to help physicians complete a death certificate</a:t>
            </a:r>
          </a:p>
          <a:p>
            <a:pPr lvl="1">
              <a:buClr>
                <a:srgbClr val="532E63"/>
              </a:buClr>
            </a:pPr>
            <a:endParaRPr lang="en-US" sz="2800" dirty="0">
              <a:solidFill>
                <a:srgbClr val="020B1C"/>
              </a:solidFill>
              <a:latin typeface="Times New Roman" panose="02020603050405020304" pitchFamily="18" charset="0"/>
              <a:cs typeface="Times New Roman" panose="02020603050405020304" pitchFamily="18" charset="0"/>
            </a:endParaRPr>
          </a:p>
          <a:p>
            <a:pPr lvl="1">
              <a:buClr>
                <a:srgbClr val="532E63"/>
              </a:buClr>
            </a:pPr>
            <a:r>
              <a:rPr lang="en-US" sz="2800" dirty="0">
                <a:solidFill>
                  <a:srgbClr val="020B1C"/>
                </a:solidFill>
                <a:latin typeface="Times New Roman" panose="02020603050405020304" pitchFamily="18" charset="0"/>
                <a:cs typeface="Times New Roman" panose="02020603050405020304" pitchFamily="18" charset="0"/>
              </a:rPr>
              <a:t>Demonstrate display of relevant clinical information from the EHR in the EDRS to help physicians make a cause of death determination</a:t>
            </a:r>
          </a:p>
          <a:p>
            <a:endParaRPr lang="en-US" dirty="0"/>
          </a:p>
        </p:txBody>
      </p:sp>
    </p:spTree>
    <p:extLst>
      <p:ext uri="{BB962C8B-B14F-4D97-AF65-F5344CB8AC3E}">
        <p14:creationId xmlns:p14="http://schemas.microsoft.com/office/powerpoint/2010/main" val="520730283"/>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6C441489-51BC-4A5E-948D-816032912169}"/>
              </a:ext>
            </a:extLst>
          </p:cNvPr>
          <p:cNvSpPr/>
          <p:nvPr/>
        </p:nvSpPr>
        <p:spPr>
          <a:xfrm>
            <a:off x="7231928" y="1479586"/>
            <a:ext cx="4403024" cy="3898831"/>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endParaRPr lang="en-US" sz="2400">
              <a:solidFill>
                <a:srgbClr val="FFC000"/>
              </a:solidFill>
              <a:latin typeface="Myriad Web Pro"/>
            </a:endParaRPr>
          </a:p>
        </p:txBody>
      </p:sp>
      <p:sp>
        <p:nvSpPr>
          <p:cNvPr id="2" name="Title 1">
            <a:extLst>
              <a:ext uri="{FF2B5EF4-FFF2-40B4-BE49-F238E27FC236}">
                <a16:creationId xmlns:a16="http://schemas.microsoft.com/office/drawing/2014/main" id="{98CB5CE1-109D-42DC-A0AB-18A508588A81}"/>
              </a:ext>
            </a:extLst>
          </p:cNvPr>
          <p:cNvSpPr>
            <a:spLocks noGrp="1"/>
          </p:cNvSpPr>
          <p:nvPr>
            <p:ph type="title"/>
          </p:nvPr>
        </p:nvSpPr>
        <p:spPr>
          <a:xfrm>
            <a:off x="609600" y="177501"/>
            <a:ext cx="10972800" cy="1143000"/>
          </a:xfrm>
        </p:spPr>
        <p:txBody>
          <a:bodyPr>
            <a:normAutofit/>
          </a:bodyPr>
          <a:lstStyle/>
          <a:p>
            <a:r>
              <a:rPr lang="en-US" dirty="0"/>
              <a:t>High Level Overview: Hospital Mortality Encounter </a:t>
            </a:r>
          </a:p>
        </p:txBody>
      </p:sp>
      <p:sp>
        <p:nvSpPr>
          <p:cNvPr id="4" name="Rectangle 3">
            <a:extLst>
              <a:ext uri="{FF2B5EF4-FFF2-40B4-BE49-F238E27FC236}">
                <a16:creationId xmlns:a16="http://schemas.microsoft.com/office/drawing/2014/main" id="{F04A7244-DC48-4F62-99CA-2E47A51081F3}"/>
              </a:ext>
            </a:extLst>
          </p:cNvPr>
          <p:cNvSpPr/>
          <p:nvPr/>
        </p:nvSpPr>
        <p:spPr>
          <a:xfrm>
            <a:off x="75854" y="2524833"/>
            <a:ext cx="1787857" cy="128326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r>
              <a:rPr lang="en-US" sz="2400" dirty="0">
                <a:solidFill>
                  <a:srgbClr val="020B1C"/>
                </a:solidFill>
                <a:latin typeface="Myriad Web Pro"/>
              </a:rPr>
              <a:t>Pt. Dies</a:t>
            </a:r>
          </a:p>
        </p:txBody>
      </p:sp>
      <p:sp>
        <p:nvSpPr>
          <p:cNvPr id="5" name="Rectangle 4">
            <a:extLst>
              <a:ext uri="{FF2B5EF4-FFF2-40B4-BE49-F238E27FC236}">
                <a16:creationId xmlns:a16="http://schemas.microsoft.com/office/drawing/2014/main" id="{8AFAE942-D80A-4AD6-9975-596296641FBA}"/>
              </a:ext>
            </a:extLst>
          </p:cNvPr>
          <p:cNvSpPr/>
          <p:nvPr/>
        </p:nvSpPr>
        <p:spPr>
          <a:xfrm>
            <a:off x="4793289" y="2524833"/>
            <a:ext cx="1787857" cy="128326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r>
              <a:rPr lang="en-US" sz="2000" dirty="0">
                <a:solidFill>
                  <a:srgbClr val="020B1C"/>
                </a:solidFill>
                <a:latin typeface="Myriad Web Pro"/>
              </a:rPr>
              <a:t>Saved in the EHR FHIR server</a:t>
            </a:r>
          </a:p>
        </p:txBody>
      </p:sp>
      <p:sp>
        <p:nvSpPr>
          <p:cNvPr id="6" name="Rectangle 5">
            <a:extLst>
              <a:ext uri="{FF2B5EF4-FFF2-40B4-BE49-F238E27FC236}">
                <a16:creationId xmlns:a16="http://schemas.microsoft.com/office/drawing/2014/main" id="{8E4CEBC2-007F-4F0C-9995-4587F2E7A60F}"/>
              </a:ext>
            </a:extLst>
          </p:cNvPr>
          <p:cNvSpPr/>
          <p:nvPr/>
        </p:nvSpPr>
        <p:spPr>
          <a:xfrm>
            <a:off x="2320342" y="2524833"/>
            <a:ext cx="1787857" cy="128326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r>
              <a:rPr lang="en-US" sz="2000" dirty="0">
                <a:solidFill>
                  <a:srgbClr val="020B1C"/>
                </a:solidFill>
                <a:latin typeface="Myriad Web Pro"/>
              </a:rPr>
              <a:t>Provider makes entries in an EHR</a:t>
            </a:r>
          </a:p>
        </p:txBody>
      </p:sp>
      <p:sp>
        <p:nvSpPr>
          <p:cNvPr id="7" name="Rectangle 6">
            <a:extLst>
              <a:ext uri="{FF2B5EF4-FFF2-40B4-BE49-F238E27FC236}">
                <a16:creationId xmlns:a16="http://schemas.microsoft.com/office/drawing/2014/main" id="{D74DA80B-173B-4097-9094-B8611F534514}"/>
              </a:ext>
            </a:extLst>
          </p:cNvPr>
          <p:cNvSpPr/>
          <p:nvPr/>
        </p:nvSpPr>
        <p:spPr>
          <a:xfrm>
            <a:off x="9492621" y="1952793"/>
            <a:ext cx="1787857" cy="128326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r>
              <a:rPr lang="en-US" sz="1867" dirty="0">
                <a:solidFill>
                  <a:srgbClr val="020B1C"/>
                </a:solidFill>
                <a:latin typeface="Myriad Web Pro"/>
              </a:rPr>
              <a:t>Creates a record in the EDRS</a:t>
            </a:r>
          </a:p>
        </p:txBody>
      </p:sp>
      <p:sp>
        <p:nvSpPr>
          <p:cNvPr id="8" name="Rectangle 7">
            <a:extLst>
              <a:ext uri="{FF2B5EF4-FFF2-40B4-BE49-F238E27FC236}">
                <a16:creationId xmlns:a16="http://schemas.microsoft.com/office/drawing/2014/main" id="{16957BF9-7C0A-4112-81DD-908FC83D8577}"/>
              </a:ext>
            </a:extLst>
          </p:cNvPr>
          <p:cNvSpPr/>
          <p:nvPr/>
        </p:nvSpPr>
        <p:spPr>
          <a:xfrm>
            <a:off x="9572632" y="3621941"/>
            <a:ext cx="1787857" cy="128326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r>
              <a:rPr lang="en-US" sz="1600" dirty="0">
                <a:solidFill>
                  <a:srgbClr val="020B1C"/>
                </a:solidFill>
                <a:latin typeface="Myriad Web Pro"/>
              </a:rPr>
              <a:t>Merges bundle into an existing record based on unique ID</a:t>
            </a:r>
          </a:p>
        </p:txBody>
      </p:sp>
      <p:cxnSp>
        <p:nvCxnSpPr>
          <p:cNvPr id="9" name="Straight Arrow Connector 8">
            <a:extLst>
              <a:ext uri="{FF2B5EF4-FFF2-40B4-BE49-F238E27FC236}">
                <a16:creationId xmlns:a16="http://schemas.microsoft.com/office/drawing/2014/main" id="{CB71DFFD-7425-41B6-BCDA-38EDFA601B8B}"/>
              </a:ext>
            </a:extLst>
          </p:cNvPr>
          <p:cNvCxnSpPr>
            <a:stCxn id="4" idx="3"/>
            <a:endCxn id="6" idx="1"/>
          </p:cNvCxnSpPr>
          <p:nvPr/>
        </p:nvCxnSpPr>
        <p:spPr>
          <a:xfrm>
            <a:off x="1863711" y="3166467"/>
            <a:ext cx="456631" cy="0"/>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10" name="Straight Arrow Connector 9">
            <a:extLst>
              <a:ext uri="{FF2B5EF4-FFF2-40B4-BE49-F238E27FC236}">
                <a16:creationId xmlns:a16="http://schemas.microsoft.com/office/drawing/2014/main" id="{05752485-5E63-4FF0-8969-DA23E575E53B}"/>
              </a:ext>
            </a:extLst>
          </p:cNvPr>
          <p:cNvCxnSpPr>
            <a:cxnSpLocks/>
            <a:endCxn id="5" idx="1"/>
          </p:cNvCxnSpPr>
          <p:nvPr/>
        </p:nvCxnSpPr>
        <p:spPr>
          <a:xfrm>
            <a:off x="4108200" y="3166467"/>
            <a:ext cx="685089" cy="0"/>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12" name="Straight Arrow Connector 11">
            <a:extLst>
              <a:ext uri="{FF2B5EF4-FFF2-40B4-BE49-F238E27FC236}">
                <a16:creationId xmlns:a16="http://schemas.microsoft.com/office/drawing/2014/main" id="{21C09615-3656-4C3A-931E-DF2A659C17EF}"/>
              </a:ext>
            </a:extLst>
          </p:cNvPr>
          <p:cNvCxnSpPr>
            <a:cxnSpLocks/>
            <a:endCxn id="7" idx="1"/>
          </p:cNvCxnSpPr>
          <p:nvPr/>
        </p:nvCxnSpPr>
        <p:spPr>
          <a:xfrm flipV="1">
            <a:off x="8909585" y="2594428"/>
            <a:ext cx="583035" cy="331257"/>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cxnSp>
        <p:nvCxnSpPr>
          <p:cNvPr id="14" name="Straight Arrow Connector 13">
            <a:extLst>
              <a:ext uri="{FF2B5EF4-FFF2-40B4-BE49-F238E27FC236}">
                <a16:creationId xmlns:a16="http://schemas.microsoft.com/office/drawing/2014/main" id="{F295BBC3-A306-43B3-AE4A-34EAB2DC9F66}"/>
              </a:ext>
            </a:extLst>
          </p:cNvPr>
          <p:cNvCxnSpPr>
            <a:cxnSpLocks/>
            <a:endCxn id="8" idx="1"/>
          </p:cNvCxnSpPr>
          <p:nvPr/>
        </p:nvCxnSpPr>
        <p:spPr>
          <a:xfrm>
            <a:off x="8786846" y="3621944"/>
            <a:ext cx="785785" cy="641633"/>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pic>
        <p:nvPicPr>
          <p:cNvPr id="18" name="Picture 17" descr="A close up of a sign&#10;&#10;Description automatically generated">
            <a:extLst>
              <a:ext uri="{FF2B5EF4-FFF2-40B4-BE49-F238E27FC236}">
                <a16:creationId xmlns:a16="http://schemas.microsoft.com/office/drawing/2014/main" id="{EF7B937E-FFFA-4688-8F59-A6B44120A24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886799" y="2020326"/>
            <a:ext cx="1251348" cy="324181"/>
          </a:xfrm>
          <a:prstGeom prst="rect">
            <a:avLst/>
          </a:prstGeom>
        </p:spPr>
      </p:pic>
      <p:sp>
        <p:nvSpPr>
          <p:cNvPr id="26" name="Rectangle 25">
            <a:extLst>
              <a:ext uri="{FF2B5EF4-FFF2-40B4-BE49-F238E27FC236}">
                <a16:creationId xmlns:a16="http://schemas.microsoft.com/office/drawing/2014/main" id="{FD93F79A-8605-4E05-AC7D-FC8C1FCBB4BE}"/>
              </a:ext>
            </a:extLst>
          </p:cNvPr>
          <p:cNvSpPr/>
          <p:nvPr/>
        </p:nvSpPr>
        <p:spPr>
          <a:xfrm>
            <a:off x="8786846" y="4145407"/>
            <a:ext cx="540599" cy="307456"/>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pPr algn="ctr" defTabSz="1219170" eaLnBrk="0" fontAlgn="base" hangingPunct="0">
              <a:spcBef>
                <a:spcPct val="0"/>
              </a:spcBef>
              <a:spcAft>
                <a:spcPct val="0"/>
              </a:spcAft>
            </a:pPr>
            <a:r>
              <a:rPr lang="en-US" sz="2400" dirty="0">
                <a:solidFill>
                  <a:srgbClr val="0F56DC"/>
                </a:solidFill>
                <a:latin typeface="Myriad Web Pro"/>
              </a:rPr>
              <a:t> Y</a:t>
            </a:r>
          </a:p>
        </p:txBody>
      </p:sp>
      <p:sp>
        <p:nvSpPr>
          <p:cNvPr id="28" name="TextBox 27">
            <a:extLst>
              <a:ext uri="{FF2B5EF4-FFF2-40B4-BE49-F238E27FC236}">
                <a16:creationId xmlns:a16="http://schemas.microsoft.com/office/drawing/2014/main" id="{CF5170DF-1BB0-41B1-B463-1AA1B0388C21}"/>
              </a:ext>
            </a:extLst>
          </p:cNvPr>
          <p:cNvSpPr txBox="1"/>
          <p:nvPr/>
        </p:nvSpPr>
        <p:spPr>
          <a:xfrm>
            <a:off x="3366512" y="4085876"/>
            <a:ext cx="2414635" cy="461665"/>
          </a:xfrm>
          <a:prstGeom prst="rect">
            <a:avLst/>
          </a:prstGeom>
          <a:noFill/>
        </p:spPr>
        <p:txBody>
          <a:bodyPr wrap="none" rtlCol="0">
            <a:spAutoFit/>
          </a:bodyPr>
          <a:lstStyle/>
          <a:p>
            <a:pPr defTabSz="1219170" eaLnBrk="0" fontAlgn="base" hangingPunct="0">
              <a:spcBef>
                <a:spcPct val="0"/>
              </a:spcBef>
              <a:spcAft>
                <a:spcPct val="0"/>
              </a:spcAft>
            </a:pPr>
            <a:r>
              <a:rPr lang="en-US" sz="2400" b="1" dirty="0">
                <a:solidFill>
                  <a:srgbClr val="0F56DC"/>
                </a:solidFill>
                <a:latin typeface="Myriad Web Pro" panose="020B0503030403020204" pitchFamily="34" charset="0"/>
              </a:rPr>
              <a:t>EHR Environment</a:t>
            </a:r>
          </a:p>
        </p:txBody>
      </p:sp>
      <p:cxnSp>
        <p:nvCxnSpPr>
          <p:cNvPr id="30" name="Straight Arrow Connector 29">
            <a:extLst>
              <a:ext uri="{FF2B5EF4-FFF2-40B4-BE49-F238E27FC236}">
                <a16:creationId xmlns:a16="http://schemas.microsoft.com/office/drawing/2014/main" id="{53331F1F-D20A-4D05-BD19-2321E385476D}"/>
              </a:ext>
            </a:extLst>
          </p:cNvPr>
          <p:cNvCxnSpPr>
            <a:cxnSpLocks/>
          </p:cNvCxnSpPr>
          <p:nvPr/>
        </p:nvCxnSpPr>
        <p:spPr>
          <a:xfrm>
            <a:off x="2320341" y="4064749"/>
            <a:ext cx="4260803" cy="0"/>
          </a:xfrm>
          <a:prstGeom prst="straightConnector1">
            <a:avLst/>
          </a:prstGeom>
          <a:ln>
            <a:headEnd type="triangle"/>
            <a:tailEnd type="triangle"/>
          </a:ln>
        </p:spPr>
        <p:style>
          <a:lnRef idx="3">
            <a:schemeClr val="dk1"/>
          </a:lnRef>
          <a:fillRef idx="0">
            <a:schemeClr val="dk1"/>
          </a:fillRef>
          <a:effectRef idx="2">
            <a:schemeClr val="dk1"/>
          </a:effectRef>
          <a:fontRef idx="minor">
            <a:schemeClr val="tx1"/>
          </a:fontRef>
        </p:style>
      </p:cxnSp>
      <p:sp>
        <p:nvSpPr>
          <p:cNvPr id="37" name="Rectangle 36">
            <a:extLst>
              <a:ext uri="{FF2B5EF4-FFF2-40B4-BE49-F238E27FC236}">
                <a16:creationId xmlns:a16="http://schemas.microsoft.com/office/drawing/2014/main" id="{85BC1AB3-7347-4FE2-802E-CBC6A133CA78}"/>
              </a:ext>
            </a:extLst>
          </p:cNvPr>
          <p:cNvSpPr/>
          <p:nvPr/>
        </p:nvSpPr>
        <p:spPr>
          <a:xfrm>
            <a:off x="8774598" y="2355464"/>
            <a:ext cx="501311" cy="238963"/>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pPr algn="ctr" defTabSz="1219170" eaLnBrk="0" fontAlgn="base" hangingPunct="0">
              <a:spcBef>
                <a:spcPct val="0"/>
              </a:spcBef>
              <a:spcAft>
                <a:spcPct val="0"/>
              </a:spcAft>
            </a:pPr>
            <a:r>
              <a:rPr lang="en-US" sz="2400" dirty="0">
                <a:solidFill>
                  <a:srgbClr val="0F56DC"/>
                </a:solidFill>
                <a:latin typeface="Myriad Web Pro"/>
              </a:rPr>
              <a:t>N</a:t>
            </a:r>
          </a:p>
        </p:txBody>
      </p:sp>
      <p:pic>
        <p:nvPicPr>
          <p:cNvPr id="38" name="Picture 37" descr="A close up of a sign&#10;&#10;Description automatically generated">
            <a:extLst>
              <a:ext uri="{FF2B5EF4-FFF2-40B4-BE49-F238E27FC236}">
                <a16:creationId xmlns:a16="http://schemas.microsoft.com/office/drawing/2014/main" id="{3B08ECE1-8090-4293-9F94-6C8FA2DCB03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431471" y="1634592"/>
            <a:ext cx="1251348" cy="324181"/>
          </a:xfrm>
          <a:prstGeom prst="rect">
            <a:avLst/>
          </a:prstGeom>
        </p:spPr>
      </p:pic>
      <p:cxnSp>
        <p:nvCxnSpPr>
          <p:cNvPr id="39" name="Straight Arrow Connector 38">
            <a:extLst>
              <a:ext uri="{FF2B5EF4-FFF2-40B4-BE49-F238E27FC236}">
                <a16:creationId xmlns:a16="http://schemas.microsoft.com/office/drawing/2014/main" id="{DB7F1D84-BE8F-4900-90D9-6DF9E9750ADF}"/>
              </a:ext>
            </a:extLst>
          </p:cNvPr>
          <p:cNvCxnSpPr>
            <a:cxnSpLocks/>
          </p:cNvCxnSpPr>
          <p:nvPr/>
        </p:nvCxnSpPr>
        <p:spPr>
          <a:xfrm>
            <a:off x="7342909" y="5666808"/>
            <a:ext cx="4292043" cy="0"/>
          </a:xfrm>
          <a:prstGeom prst="straightConnector1">
            <a:avLst/>
          </a:prstGeom>
          <a:ln>
            <a:headEnd type="triangle"/>
            <a:tailEnd type="triangle"/>
          </a:ln>
        </p:spPr>
        <p:style>
          <a:lnRef idx="3">
            <a:schemeClr val="dk1"/>
          </a:lnRef>
          <a:fillRef idx="0">
            <a:schemeClr val="dk1"/>
          </a:fillRef>
          <a:effectRef idx="2">
            <a:schemeClr val="dk1"/>
          </a:effectRef>
          <a:fontRef idx="minor">
            <a:schemeClr val="tx1"/>
          </a:fontRef>
        </p:style>
      </p:cxnSp>
      <p:sp>
        <p:nvSpPr>
          <p:cNvPr id="42" name="TextBox 41">
            <a:extLst>
              <a:ext uri="{FF2B5EF4-FFF2-40B4-BE49-F238E27FC236}">
                <a16:creationId xmlns:a16="http://schemas.microsoft.com/office/drawing/2014/main" id="{910039C0-34F3-48F0-B4E8-851A2A86D433}"/>
              </a:ext>
            </a:extLst>
          </p:cNvPr>
          <p:cNvSpPr txBox="1"/>
          <p:nvPr/>
        </p:nvSpPr>
        <p:spPr>
          <a:xfrm>
            <a:off x="8538750" y="5851624"/>
            <a:ext cx="2626425" cy="461665"/>
          </a:xfrm>
          <a:prstGeom prst="rect">
            <a:avLst/>
          </a:prstGeom>
          <a:noFill/>
        </p:spPr>
        <p:txBody>
          <a:bodyPr wrap="none" rtlCol="0">
            <a:spAutoFit/>
          </a:bodyPr>
          <a:lstStyle/>
          <a:p>
            <a:pPr defTabSz="1219170" eaLnBrk="0" fontAlgn="base" hangingPunct="0">
              <a:spcBef>
                <a:spcPct val="0"/>
              </a:spcBef>
              <a:spcAft>
                <a:spcPct val="0"/>
              </a:spcAft>
            </a:pPr>
            <a:r>
              <a:rPr lang="en-US" sz="2400" b="1" dirty="0">
                <a:solidFill>
                  <a:srgbClr val="0F56DC"/>
                </a:solidFill>
                <a:latin typeface="Myriad Web Pro" panose="020B0503030403020204" pitchFamily="34" charset="0"/>
              </a:rPr>
              <a:t>EDRS  Environment</a:t>
            </a:r>
          </a:p>
        </p:txBody>
      </p:sp>
      <p:sp>
        <p:nvSpPr>
          <p:cNvPr id="13" name="Diamond 12">
            <a:extLst>
              <a:ext uri="{FF2B5EF4-FFF2-40B4-BE49-F238E27FC236}">
                <a16:creationId xmlns:a16="http://schemas.microsoft.com/office/drawing/2014/main" id="{068E9B51-C0DA-4D85-AA6A-12342DBC6B87}"/>
              </a:ext>
            </a:extLst>
          </p:cNvPr>
          <p:cNvSpPr/>
          <p:nvPr/>
        </p:nvSpPr>
        <p:spPr>
          <a:xfrm>
            <a:off x="7231927" y="2344507"/>
            <a:ext cx="1921388" cy="1796428"/>
          </a:xfrm>
          <a:prstGeom prst="diamon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r>
              <a:rPr lang="en-US" sz="2000" dirty="0">
                <a:solidFill>
                  <a:srgbClr val="020B1C"/>
                </a:solidFill>
                <a:latin typeface="Myriad Web Pro"/>
              </a:rPr>
              <a:t>Does a record exist?</a:t>
            </a:r>
          </a:p>
        </p:txBody>
      </p:sp>
      <p:cxnSp>
        <p:nvCxnSpPr>
          <p:cNvPr id="29" name="Straight Arrow Connector 28">
            <a:extLst>
              <a:ext uri="{FF2B5EF4-FFF2-40B4-BE49-F238E27FC236}">
                <a16:creationId xmlns:a16="http://schemas.microsoft.com/office/drawing/2014/main" id="{7BC271D2-40E8-41D6-AC62-4DBCD502568C}"/>
              </a:ext>
            </a:extLst>
          </p:cNvPr>
          <p:cNvCxnSpPr>
            <a:cxnSpLocks/>
          </p:cNvCxnSpPr>
          <p:nvPr/>
        </p:nvCxnSpPr>
        <p:spPr>
          <a:xfrm>
            <a:off x="6546840" y="3236059"/>
            <a:ext cx="685089" cy="0"/>
          </a:xfrm>
          <a:prstGeom prst="straightConnector1">
            <a:avLst/>
          </a:prstGeom>
          <a:ln>
            <a:tailEnd type="triangle"/>
          </a:ln>
        </p:spPr>
        <p:style>
          <a:lnRef idx="3">
            <a:schemeClr val="dk1"/>
          </a:lnRef>
          <a:fillRef idx="0">
            <a:schemeClr val="dk1"/>
          </a:fillRef>
          <a:effectRef idx="2">
            <a:schemeClr val="dk1"/>
          </a:effectRef>
          <a:fontRef idx="minor">
            <a:schemeClr val="tx1"/>
          </a:fontRef>
        </p:style>
      </p:cxnSp>
    </p:spTree>
    <p:extLst>
      <p:ext uri="{BB962C8B-B14F-4D97-AF65-F5344CB8AC3E}">
        <p14:creationId xmlns:p14="http://schemas.microsoft.com/office/powerpoint/2010/main" val="297440828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8" name="Rectangle: Rounded Corners 1027">
            <a:extLst>
              <a:ext uri="{FF2B5EF4-FFF2-40B4-BE49-F238E27FC236}">
                <a16:creationId xmlns:a16="http://schemas.microsoft.com/office/drawing/2014/main" id="{FD994BFA-24C0-4EA8-976B-625DA06C0CF8}"/>
              </a:ext>
            </a:extLst>
          </p:cNvPr>
          <p:cNvSpPr/>
          <p:nvPr/>
        </p:nvSpPr>
        <p:spPr>
          <a:xfrm>
            <a:off x="6591629" y="644159"/>
            <a:ext cx="1387715" cy="1008488"/>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endParaRPr lang="en-US" sz="2400">
              <a:solidFill>
                <a:srgbClr val="FFC000"/>
              </a:solidFill>
              <a:latin typeface="Myriad Web Pro"/>
            </a:endParaRPr>
          </a:p>
        </p:txBody>
      </p:sp>
      <p:sp>
        <p:nvSpPr>
          <p:cNvPr id="12" name="TextBox 11">
            <a:extLst>
              <a:ext uri="{FF2B5EF4-FFF2-40B4-BE49-F238E27FC236}">
                <a16:creationId xmlns:a16="http://schemas.microsoft.com/office/drawing/2014/main" id="{8C4C75BC-8315-4C2A-84A6-7D839ECA2A8A}"/>
              </a:ext>
            </a:extLst>
          </p:cNvPr>
          <p:cNvSpPr txBox="1"/>
          <p:nvPr/>
        </p:nvSpPr>
        <p:spPr>
          <a:xfrm>
            <a:off x="821197" y="101298"/>
            <a:ext cx="11189144" cy="605294"/>
          </a:xfrm>
          <a:prstGeom prst="rect">
            <a:avLst/>
          </a:prstGeom>
          <a:noFill/>
        </p:spPr>
        <p:txBody>
          <a:bodyPr wrap="square" rtlCol="0">
            <a:spAutoFit/>
          </a:bodyPr>
          <a:lstStyle/>
          <a:p>
            <a:pPr defTabSz="1219170" eaLnBrk="0" fontAlgn="base" hangingPunct="0">
              <a:lnSpc>
                <a:spcPts val="4000"/>
              </a:lnSpc>
              <a:spcBef>
                <a:spcPct val="0"/>
              </a:spcBef>
              <a:spcAft>
                <a:spcPct val="0"/>
              </a:spcAft>
            </a:pPr>
            <a:r>
              <a:rPr lang="en-US" sz="3733" b="1" dirty="0">
                <a:solidFill>
                  <a:srgbClr val="006858"/>
                </a:solidFill>
                <a:latin typeface="Calibri" pitchFamily="34" charset="0"/>
              </a:rPr>
              <a:t>Hospital Mortality Encounter and Death Reporting</a:t>
            </a:r>
          </a:p>
        </p:txBody>
      </p:sp>
      <p:cxnSp>
        <p:nvCxnSpPr>
          <p:cNvPr id="14" name="Straight Arrow Connector 13">
            <a:extLst>
              <a:ext uri="{FF2B5EF4-FFF2-40B4-BE49-F238E27FC236}">
                <a16:creationId xmlns:a16="http://schemas.microsoft.com/office/drawing/2014/main" id="{E7598A9F-F73C-4036-A288-A482B926AAC1}"/>
              </a:ext>
            </a:extLst>
          </p:cNvPr>
          <p:cNvCxnSpPr>
            <a:cxnSpLocks/>
          </p:cNvCxnSpPr>
          <p:nvPr/>
        </p:nvCxnSpPr>
        <p:spPr>
          <a:xfrm flipV="1">
            <a:off x="932715" y="2674496"/>
            <a:ext cx="503595" cy="1398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5" name="Rectangle 14">
            <a:extLst>
              <a:ext uri="{FF2B5EF4-FFF2-40B4-BE49-F238E27FC236}">
                <a16:creationId xmlns:a16="http://schemas.microsoft.com/office/drawing/2014/main" id="{C525AE5C-2830-4541-AA5E-0FA8D9088283}"/>
              </a:ext>
            </a:extLst>
          </p:cNvPr>
          <p:cNvSpPr/>
          <p:nvPr/>
        </p:nvSpPr>
        <p:spPr>
          <a:xfrm>
            <a:off x="1470653" y="1808705"/>
            <a:ext cx="1720819" cy="1907959"/>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r>
              <a:rPr lang="en-US" sz="1500" dirty="0">
                <a:solidFill>
                  <a:srgbClr val="020B1C"/>
                </a:solidFill>
                <a:latin typeface="Myriad Web Pro"/>
              </a:rPr>
              <a:t>Provider  enters “</a:t>
            </a:r>
            <a:r>
              <a:rPr lang="en-US" sz="1500" dirty="0" err="1">
                <a:solidFill>
                  <a:srgbClr val="020B1C"/>
                </a:solidFill>
                <a:latin typeface="Myriad Web Pro"/>
              </a:rPr>
              <a:t>pt</a:t>
            </a:r>
            <a:r>
              <a:rPr lang="en-US" sz="1500" dirty="0">
                <a:solidFill>
                  <a:srgbClr val="020B1C"/>
                </a:solidFill>
                <a:latin typeface="Myriad Web Pro"/>
              </a:rPr>
              <a:t> expired order” and/ or changes </a:t>
            </a:r>
            <a:r>
              <a:rPr lang="en-US" sz="1500" dirty="0" err="1">
                <a:solidFill>
                  <a:srgbClr val="020B1C"/>
                </a:solidFill>
                <a:latin typeface="Myriad Web Pro"/>
              </a:rPr>
              <a:t>pt</a:t>
            </a:r>
            <a:r>
              <a:rPr lang="en-US" sz="1500" dirty="0">
                <a:solidFill>
                  <a:srgbClr val="020B1C"/>
                </a:solidFill>
                <a:latin typeface="Myriad Web Pro"/>
              </a:rPr>
              <a:t> demographic info to include a date of death </a:t>
            </a:r>
          </a:p>
        </p:txBody>
      </p:sp>
      <p:sp>
        <p:nvSpPr>
          <p:cNvPr id="18" name="TextBox 17">
            <a:extLst>
              <a:ext uri="{FF2B5EF4-FFF2-40B4-BE49-F238E27FC236}">
                <a16:creationId xmlns:a16="http://schemas.microsoft.com/office/drawing/2014/main" id="{5AD3D13C-F1C3-4B9C-BA62-DBAED01BABA8}"/>
              </a:ext>
            </a:extLst>
          </p:cNvPr>
          <p:cNvSpPr txBox="1"/>
          <p:nvPr/>
        </p:nvSpPr>
        <p:spPr>
          <a:xfrm>
            <a:off x="1242127" y="1436368"/>
            <a:ext cx="2242867" cy="400110"/>
          </a:xfrm>
          <a:prstGeom prst="rect">
            <a:avLst/>
          </a:prstGeom>
          <a:noFill/>
        </p:spPr>
        <p:txBody>
          <a:bodyPr wrap="square" rtlCol="0">
            <a:spAutoFit/>
          </a:bodyPr>
          <a:lstStyle/>
          <a:p>
            <a:pPr algn="ctr" defTabSz="1219170" eaLnBrk="0" fontAlgn="base" hangingPunct="0">
              <a:spcBef>
                <a:spcPct val="0"/>
              </a:spcBef>
              <a:spcAft>
                <a:spcPct val="0"/>
              </a:spcAft>
            </a:pPr>
            <a:r>
              <a:rPr lang="en-US" sz="2000" dirty="0">
                <a:solidFill>
                  <a:srgbClr val="0F56DC"/>
                </a:solidFill>
                <a:latin typeface="Myriad Web Pro" panose="020B0503030403020204" pitchFamily="34" charset="0"/>
              </a:rPr>
              <a:t>1.</a:t>
            </a:r>
          </a:p>
        </p:txBody>
      </p:sp>
      <p:cxnSp>
        <p:nvCxnSpPr>
          <p:cNvPr id="22" name="Straight Arrow Connector 21">
            <a:extLst>
              <a:ext uri="{FF2B5EF4-FFF2-40B4-BE49-F238E27FC236}">
                <a16:creationId xmlns:a16="http://schemas.microsoft.com/office/drawing/2014/main" id="{2A19810B-D237-4577-A628-5CD6EBD36EB4}"/>
              </a:ext>
            </a:extLst>
          </p:cNvPr>
          <p:cNvCxnSpPr>
            <a:cxnSpLocks/>
          </p:cNvCxnSpPr>
          <p:nvPr/>
        </p:nvCxnSpPr>
        <p:spPr>
          <a:xfrm>
            <a:off x="3191472" y="2762683"/>
            <a:ext cx="1478493"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30" name="Graphic 29" descr="Lightbulb and gear">
            <a:extLst>
              <a:ext uri="{FF2B5EF4-FFF2-40B4-BE49-F238E27FC236}">
                <a16:creationId xmlns:a16="http://schemas.microsoft.com/office/drawing/2014/main" id="{62EE66C5-DAA4-49CB-A854-F0A33286E64A}"/>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003120" y="1020269"/>
            <a:ext cx="457053" cy="457053"/>
          </a:xfrm>
          <a:prstGeom prst="rect">
            <a:avLst/>
          </a:prstGeom>
        </p:spPr>
      </p:pic>
      <p:pic>
        <p:nvPicPr>
          <p:cNvPr id="31" name="Graphic 30" descr="Lightbulb and gear">
            <a:extLst>
              <a:ext uri="{FF2B5EF4-FFF2-40B4-BE49-F238E27FC236}">
                <a16:creationId xmlns:a16="http://schemas.microsoft.com/office/drawing/2014/main" id="{320AF63A-18ED-42F9-AF4E-FF652E622638}"/>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0437" y="6201678"/>
            <a:ext cx="369319" cy="369319"/>
          </a:xfrm>
          <a:prstGeom prst="rect">
            <a:avLst/>
          </a:prstGeom>
        </p:spPr>
      </p:pic>
      <p:sp>
        <p:nvSpPr>
          <p:cNvPr id="32" name="TextBox 31">
            <a:extLst>
              <a:ext uri="{FF2B5EF4-FFF2-40B4-BE49-F238E27FC236}">
                <a16:creationId xmlns:a16="http://schemas.microsoft.com/office/drawing/2014/main" id="{656C1FAB-9A0D-40DC-AF7C-80B329C368DF}"/>
              </a:ext>
            </a:extLst>
          </p:cNvPr>
          <p:cNvSpPr txBox="1"/>
          <p:nvPr/>
        </p:nvSpPr>
        <p:spPr>
          <a:xfrm>
            <a:off x="359065" y="6293998"/>
            <a:ext cx="1223687" cy="276999"/>
          </a:xfrm>
          <a:prstGeom prst="rect">
            <a:avLst/>
          </a:prstGeom>
          <a:noFill/>
        </p:spPr>
        <p:txBody>
          <a:bodyPr wrap="square" rtlCol="0">
            <a:spAutoFit/>
          </a:bodyPr>
          <a:lstStyle/>
          <a:p>
            <a:pPr defTabSz="1219170" eaLnBrk="0" fontAlgn="base" hangingPunct="0">
              <a:spcBef>
                <a:spcPct val="0"/>
              </a:spcBef>
              <a:spcAft>
                <a:spcPct val="0"/>
              </a:spcAft>
            </a:pPr>
            <a:r>
              <a:rPr lang="en-US" sz="1200" dirty="0">
                <a:solidFill>
                  <a:srgbClr val="020B1C"/>
                </a:solidFill>
                <a:latin typeface="Myriad Web Pro" panose="020B0503030403020204" pitchFamily="34" charset="0"/>
              </a:rPr>
              <a:t>trigger</a:t>
            </a:r>
          </a:p>
        </p:txBody>
      </p:sp>
      <p:sp>
        <p:nvSpPr>
          <p:cNvPr id="42" name="Rectangle 41">
            <a:extLst>
              <a:ext uri="{FF2B5EF4-FFF2-40B4-BE49-F238E27FC236}">
                <a16:creationId xmlns:a16="http://schemas.microsoft.com/office/drawing/2014/main" id="{CD5B38E5-4714-48B5-BA2D-9BCA4C12D955}"/>
              </a:ext>
            </a:extLst>
          </p:cNvPr>
          <p:cNvSpPr/>
          <p:nvPr/>
        </p:nvSpPr>
        <p:spPr>
          <a:xfrm>
            <a:off x="4669966" y="1791964"/>
            <a:ext cx="1551079" cy="194382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r>
              <a:rPr lang="en-US" sz="1500" dirty="0">
                <a:solidFill>
                  <a:srgbClr val="020B1C"/>
                </a:solidFill>
                <a:latin typeface="Myriad Web Pro"/>
              </a:rPr>
              <a:t> Provider  completes discharge summary and/or  discharge order  in EHR</a:t>
            </a:r>
          </a:p>
        </p:txBody>
      </p:sp>
      <p:sp>
        <p:nvSpPr>
          <p:cNvPr id="2" name="TextBox 1">
            <a:extLst>
              <a:ext uri="{FF2B5EF4-FFF2-40B4-BE49-F238E27FC236}">
                <a16:creationId xmlns:a16="http://schemas.microsoft.com/office/drawing/2014/main" id="{F4BD03A7-E30B-4608-AC8C-95CF3ADCC812}"/>
              </a:ext>
            </a:extLst>
          </p:cNvPr>
          <p:cNvSpPr txBox="1"/>
          <p:nvPr/>
        </p:nvSpPr>
        <p:spPr>
          <a:xfrm>
            <a:off x="1369933" y="3873709"/>
            <a:ext cx="2160788" cy="461665"/>
          </a:xfrm>
          <a:prstGeom prst="rect">
            <a:avLst/>
          </a:prstGeom>
          <a:noFill/>
        </p:spPr>
        <p:txBody>
          <a:bodyPr wrap="square" rtlCol="0">
            <a:spAutoFit/>
          </a:bodyPr>
          <a:lstStyle/>
          <a:p>
            <a:pPr defTabSz="1219170" eaLnBrk="0" fontAlgn="base" hangingPunct="0">
              <a:spcBef>
                <a:spcPct val="0"/>
              </a:spcBef>
              <a:spcAft>
                <a:spcPct val="0"/>
              </a:spcAft>
            </a:pPr>
            <a:r>
              <a:rPr lang="en-US" sz="1200" dirty="0">
                <a:solidFill>
                  <a:srgbClr val="020B1C"/>
                </a:solidFill>
                <a:latin typeface="Myriad Web Pro" panose="020B0503030403020204" pitchFamily="34" charset="0"/>
              </a:rPr>
              <a:t>patient.deceased=</a:t>
            </a:r>
            <a:r>
              <a:rPr lang="en-US" sz="1200" dirty="0" err="1">
                <a:solidFill>
                  <a:srgbClr val="020B1C"/>
                </a:solidFill>
                <a:latin typeface="Myriad Web Pro" panose="020B0503030403020204" pitchFamily="34" charset="0"/>
              </a:rPr>
              <a:t>DateTime</a:t>
            </a:r>
            <a:r>
              <a:rPr lang="en-US" sz="1200" dirty="0">
                <a:solidFill>
                  <a:srgbClr val="020B1C"/>
                </a:solidFill>
                <a:latin typeface="Myriad Web Pro" panose="020B0503030403020204" pitchFamily="34" charset="0"/>
              </a:rPr>
              <a:t> patient.deceased=true  </a:t>
            </a:r>
          </a:p>
        </p:txBody>
      </p:sp>
      <p:sp>
        <p:nvSpPr>
          <p:cNvPr id="3" name="Rectangle 2">
            <a:extLst>
              <a:ext uri="{FF2B5EF4-FFF2-40B4-BE49-F238E27FC236}">
                <a16:creationId xmlns:a16="http://schemas.microsoft.com/office/drawing/2014/main" id="{796A9A48-6877-42A5-B8AD-5154E384B38A}"/>
              </a:ext>
            </a:extLst>
          </p:cNvPr>
          <p:cNvSpPr/>
          <p:nvPr/>
        </p:nvSpPr>
        <p:spPr>
          <a:xfrm>
            <a:off x="4585190" y="3516302"/>
            <a:ext cx="2097839" cy="830997"/>
          </a:xfrm>
          <a:prstGeom prst="rect">
            <a:avLst/>
          </a:prstGeom>
        </p:spPr>
        <p:txBody>
          <a:bodyPr wrap="square">
            <a:spAutoFit/>
          </a:bodyPr>
          <a:lstStyle/>
          <a:p>
            <a:pPr defTabSz="1219170" eaLnBrk="0" fontAlgn="base" hangingPunct="0">
              <a:spcBef>
                <a:spcPct val="0"/>
              </a:spcBef>
              <a:spcAft>
                <a:spcPct val="0"/>
              </a:spcAft>
            </a:pPr>
            <a:endParaRPr lang="en-US" sz="1200" dirty="0">
              <a:solidFill>
                <a:srgbClr val="020B1C"/>
              </a:solidFill>
              <a:latin typeface="Calibri" panose="020F0502020204030204" pitchFamily="34" charset="0"/>
              <a:ea typeface="Calibri" panose="020F0502020204030204" pitchFamily="34" charset="0"/>
            </a:endParaRPr>
          </a:p>
          <a:p>
            <a:pPr defTabSz="1219170" eaLnBrk="0" fontAlgn="base" hangingPunct="0">
              <a:spcBef>
                <a:spcPct val="0"/>
              </a:spcBef>
              <a:spcAft>
                <a:spcPct val="0"/>
              </a:spcAft>
            </a:pPr>
            <a:endParaRPr lang="en-US" sz="1200" dirty="0">
              <a:solidFill>
                <a:srgbClr val="020B1C"/>
              </a:solidFill>
              <a:latin typeface="Calibri" panose="020F0502020204030204" pitchFamily="34" charset="0"/>
              <a:ea typeface="Calibri" panose="020F0502020204030204" pitchFamily="34" charset="0"/>
            </a:endParaRPr>
          </a:p>
          <a:p>
            <a:pPr defTabSz="1219170" eaLnBrk="0" fontAlgn="base" hangingPunct="0">
              <a:spcBef>
                <a:spcPct val="0"/>
              </a:spcBef>
              <a:spcAft>
                <a:spcPct val="0"/>
              </a:spcAft>
            </a:pPr>
            <a:r>
              <a:rPr lang="en-US" sz="1200" dirty="0" err="1">
                <a:solidFill>
                  <a:srgbClr val="020B1C"/>
                </a:solidFill>
                <a:latin typeface="Calibri" panose="020F0502020204030204" pitchFamily="34" charset="0"/>
                <a:ea typeface="Calibri" panose="020F0502020204030204" pitchFamily="34" charset="0"/>
              </a:rPr>
              <a:t>encounter.status</a:t>
            </a:r>
            <a:r>
              <a:rPr lang="en-US" sz="1200" dirty="0">
                <a:solidFill>
                  <a:srgbClr val="020B1C"/>
                </a:solidFill>
                <a:latin typeface="Calibri" panose="020F0502020204030204" pitchFamily="34" charset="0"/>
                <a:ea typeface="Calibri" panose="020F0502020204030204" pitchFamily="34" charset="0"/>
              </a:rPr>
              <a:t> = finished</a:t>
            </a:r>
          </a:p>
          <a:p>
            <a:pPr defTabSz="1219170" eaLnBrk="0" fontAlgn="base" hangingPunct="0">
              <a:spcBef>
                <a:spcPct val="0"/>
              </a:spcBef>
              <a:spcAft>
                <a:spcPct val="0"/>
              </a:spcAft>
            </a:pPr>
            <a:endParaRPr lang="en-US" sz="1200" dirty="0">
              <a:solidFill>
                <a:srgbClr val="020B1C"/>
              </a:solidFill>
              <a:latin typeface="Myriad Web Pro" panose="020B0503030403020204" pitchFamily="34" charset="0"/>
            </a:endParaRPr>
          </a:p>
        </p:txBody>
      </p:sp>
      <p:pic>
        <p:nvPicPr>
          <p:cNvPr id="1026" name="Picture 2" descr="Vermont Electronic Death Registration System (EDRS) Handbook for ...">
            <a:extLst>
              <a:ext uri="{FF2B5EF4-FFF2-40B4-BE49-F238E27FC236}">
                <a16:creationId xmlns:a16="http://schemas.microsoft.com/office/drawing/2014/main" id="{98342DFD-C6F4-4F5E-89AF-BFEEE87DE4FA}"/>
              </a:ext>
            </a:extLst>
          </p:cNvPr>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r="23803" b="384"/>
          <a:stretch/>
        </p:blipFill>
        <p:spPr bwMode="auto">
          <a:xfrm>
            <a:off x="8743096" y="1575568"/>
            <a:ext cx="2626675" cy="2386360"/>
          </a:xfrm>
          <a:prstGeom prst="rect">
            <a:avLst/>
          </a:prstGeom>
          <a:noFill/>
          <a:extLst>
            <a:ext uri="{909E8E84-426E-40DD-AFC4-6F175D3DCCD1}">
              <a14:hiddenFill xmlns:a14="http://schemas.microsoft.com/office/drawing/2010/main">
                <a:solidFill>
                  <a:srgbClr val="FFFFFF"/>
                </a:solidFill>
              </a14:hiddenFill>
            </a:ext>
          </a:extLst>
        </p:spPr>
      </p:pic>
      <p:pic>
        <p:nvPicPr>
          <p:cNvPr id="36" name="Graphic 35" descr="Lightbulb and gear">
            <a:extLst>
              <a:ext uri="{FF2B5EF4-FFF2-40B4-BE49-F238E27FC236}">
                <a16:creationId xmlns:a16="http://schemas.microsoft.com/office/drawing/2014/main" id="{5FFB8117-4F20-47CC-B84C-A5FAF6B16FFD}"/>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212912" y="3733403"/>
            <a:ext cx="457053" cy="457053"/>
          </a:xfrm>
          <a:prstGeom prst="rect">
            <a:avLst/>
          </a:prstGeom>
        </p:spPr>
      </p:pic>
      <p:sp>
        <p:nvSpPr>
          <p:cNvPr id="4" name="TextBox 3">
            <a:extLst>
              <a:ext uri="{FF2B5EF4-FFF2-40B4-BE49-F238E27FC236}">
                <a16:creationId xmlns:a16="http://schemas.microsoft.com/office/drawing/2014/main" id="{7F863E8F-030A-49B1-B9D6-E77BA48577C8}"/>
              </a:ext>
            </a:extLst>
          </p:cNvPr>
          <p:cNvSpPr txBox="1"/>
          <p:nvPr/>
        </p:nvSpPr>
        <p:spPr>
          <a:xfrm>
            <a:off x="9095745" y="4190457"/>
            <a:ext cx="2441831" cy="1384995"/>
          </a:xfrm>
          <a:prstGeom prst="rect">
            <a:avLst/>
          </a:prstGeom>
          <a:solidFill>
            <a:srgbClr val="FFC000"/>
          </a:solidFill>
          <a:ln>
            <a:solidFill>
              <a:schemeClr val="tx1"/>
            </a:solidFill>
          </a:ln>
        </p:spPr>
        <p:txBody>
          <a:bodyPr wrap="square" rtlCol="0">
            <a:spAutoFit/>
          </a:bodyPr>
          <a:lstStyle/>
          <a:p>
            <a:pPr marL="342900" indent="-342900" defTabSz="1219170" eaLnBrk="0" fontAlgn="base" hangingPunct="0">
              <a:spcBef>
                <a:spcPct val="0"/>
              </a:spcBef>
              <a:spcAft>
                <a:spcPct val="0"/>
              </a:spcAft>
              <a:buFont typeface="+mj-lt"/>
              <a:buAutoNum type="arabicPeriod"/>
            </a:pPr>
            <a:r>
              <a:rPr lang="en-US" sz="1400" dirty="0">
                <a:solidFill>
                  <a:srgbClr val="020B1C"/>
                </a:solidFill>
                <a:latin typeface="Myriad Web Pro" panose="020B0503030403020204" pitchFamily="34" charset="0"/>
              </a:rPr>
              <a:t>Fields prepopulate</a:t>
            </a:r>
          </a:p>
          <a:p>
            <a:pPr marL="342900" indent="-342900" defTabSz="1219170" eaLnBrk="0" fontAlgn="base" hangingPunct="0">
              <a:spcBef>
                <a:spcPct val="0"/>
              </a:spcBef>
              <a:spcAft>
                <a:spcPct val="0"/>
              </a:spcAft>
              <a:buFont typeface="+mj-lt"/>
              <a:buAutoNum type="arabicPeriod"/>
            </a:pPr>
            <a:endParaRPr lang="en-US" sz="1400" dirty="0">
              <a:solidFill>
                <a:srgbClr val="020B1C"/>
              </a:solidFill>
              <a:latin typeface="Myriad Web Pro" panose="020B0503030403020204" pitchFamily="34" charset="0"/>
            </a:endParaRPr>
          </a:p>
          <a:p>
            <a:pPr marL="342900" indent="-342900" defTabSz="1219170" eaLnBrk="0" fontAlgn="base" hangingPunct="0">
              <a:spcBef>
                <a:spcPct val="0"/>
              </a:spcBef>
              <a:spcAft>
                <a:spcPct val="0"/>
              </a:spcAft>
              <a:buFont typeface="+mj-lt"/>
              <a:buAutoNum type="arabicPeriod"/>
            </a:pPr>
            <a:r>
              <a:rPr lang="en-US" sz="1400" dirty="0">
                <a:solidFill>
                  <a:srgbClr val="020B1C"/>
                </a:solidFill>
                <a:latin typeface="Myriad Web Pro" panose="020B0503030403020204" pitchFamily="34" charset="0"/>
              </a:rPr>
              <a:t>Relevant clinical information is displayed from the EHR screen to the EDRS screen </a:t>
            </a:r>
          </a:p>
        </p:txBody>
      </p:sp>
      <p:sp>
        <p:nvSpPr>
          <p:cNvPr id="37" name="Rectangle 36">
            <a:extLst>
              <a:ext uri="{FF2B5EF4-FFF2-40B4-BE49-F238E27FC236}">
                <a16:creationId xmlns:a16="http://schemas.microsoft.com/office/drawing/2014/main" id="{CFF7B131-C9B0-46A9-856F-04CB88AB1B67}"/>
              </a:ext>
            </a:extLst>
          </p:cNvPr>
          <p:cNvSpPr/>
          <p:nvPr/>
        </p:nvSpPr>
        <p:spPr>
          <a:xfrm>
            <a:off x="3433093" y="5807039"/>
            <a:ext cx="2316969" cy="830997"/>
          </a:xfrm>
          <a:prstGeom prst="rect">
            <a:avLst/>
          </a:prstGeom>
        </p:spPr>
        <p:txBody>
          <a:bodyPr wrap="square">
            <a:spAutoFit/>
          </a:bodyPr>
          <a:lstStyle/>
          <a:p>
            <a:pPr defTabSz="1219170" eaLnBrk="0" fontAlgn="base" hangingPunct="0">
              <a:spcBef>
                <a:spcPct val="0"/>
              </a:spcBef>
              <a:spcAft>
                <a:spcPct val="0"/>
              </a:spcAft>
            </a:pPr>
            <a:endParaRPr lang="en-US" sz="1200" dirty="0">
              <a:solidFill>
                <a:srgbClr val="0F56DC"/>
              </a:solidFill>
              <a:latin typeface="Calibri" panose="020F0502020204030204" pitchFamily="34" charset="0"/>
              <a:ea typeface="Calibri" panose="020F0502020204030204" pitchFamily="34" charset="0"/>
            </a:endParaRPr>
          </a:p>
          <a:p>
            <a:pPr defTabSz="1219170" eaLnBrk="0" fontAlgn="base" hangingPunct="0">
              <a:spcBef>
                <a:spcPct val="0"/>
              </a:spcBef>
              <a:spcAft>
                <a:spcPct val="0"/>
              </a:spcAft>
            </a:pPr>
            <a:endParaRPr lang="en-US" sz="1200" dirty="0">
              <a:solidFill>
                <a:srgbClr val="0F56DC"/>
              </a:solidFill>
              <a:latin typeface="Calibri" panose="020F0502020204030204" pitchFamily="34" charset="0"/>
              <a:ea typeface="Calibri" panose="020F0502020204030204" pitchFamily="34" charset="0"/>
            </a:endParaRPr>
          </a:p>
          <a:p>
            <a:pPr defTabSz="1219170" eaLnBrk="0" fontAlgn="base" hangingPunct="0">
              <a:spcBef>
                <a:spcPct val="0"/>
              </a:spcBef>
              <a:spcAft>
                <a:spcPct val="0"/>
              </a:spcAft>
            </a:pPr>
            <a:endParaRPr lang="en-US" sz="1200" dirty="0">
              <a:solidFill>
                <a:srgbClr val="0F56DC"/>
              </a:solidFill>
              <a:latin typeface="Calibri" panose="020F0502020204030204" pitchFamily="34" charset="0"/>
              <a:ea typeface="Calibri" panose="020F0502020204030204" pitchFamily="34" charset="0"/>
            </a:endParaRPr>
          </a:p>
          <a:p>
            <a:pPr defTabSz="1219170" eaLnBrk="0" fontAlgn="base" hangingPunct="0">
              <a:spcBef>
                <a:spcPct val="0"/>
              </a:spcBef>
              <a:spcAft>
                <a:spcPct val="0"/>
              </a:spcAft>
            </a:pPr>
            <a:endParaRPr lang="en-US" sz="1200" dirty="0">
              <a:solidFill>
                <a:srgbClr val="0F56DC"/>
              </a:solidFill>
              <a:latin typeface="Myriad Web Pro" panose="020B0503030403020204" pitchFamily="34" charset="0"/>
            </a:endParaRPr>
          </a:p>
        </p:txBody>
      </p:sp>
      <p:sp>
        <p:nvSpPr>
          <p:cNvPr id="39" name="TextBox 38">
            <a:extLst>
              <a:ext uri="{FF2B5EF4-FFF2-40B4-BE49-F238E27FC236}">
                <a16:creationId xmlns:a16="http://schemas.microsoft.com/office/drawing/2014/main" id="{0552DFBF-EAB0-4298-95B1-193808F0B1EF}"/>
              </a:ext>
            </a:extLst>
          </p:cNvPr>
          <p:cNvSpPr txBox="1"/>
          <p:nvPr/>
        </p:nvSpPr>
        <p:spPr>
          <a:xfrm>
            <a:off x="10043501" y="2135122"/>
            <a:ext cx="1428087" cy="830997"/>
          </a:xfrm>
          <a:prstGeom prst="rect">
            <a:avLst/>
          </a:prstGeom>
          <a:noFill/>
        </p:spPr>
        <p:txBody>
          <a:bodyPr wrap="square" rtlCol="0">
            <a:spAutoFit/>
          </a:bodyPr>
          <a:lstStyle/>
          <a:p>
            <a:pPr defTabSz="1219170" eaLnBrk="0" fontAlgn="base" hangingPunct="0">
              <a:spcBef>
                <a:spcPct val="0"/>
              </a:spcBef>
              <a:spcAft>
                <a:spcPct val="0"/>
              </a:spcAft>
            </a:pPr>
            <a:r>
              <a:rPr lang="en-US" sz="2400" dirty="0">
                <a:solidFill>
                  <a:srgbClr val="020B1C"/>
                </a:solidFill>
                <a:highlight>
                  <a:srgbClr val="FFFF00"/>
                </a:highlight>
                <a:latin typeface="Myriad Web Pro" panose="020B0503030403020204" pitchFamily="34" charset="0"/>
              </a:rPr>
              <a:t>EDRS Screen </a:t>
            </a:r>
          </a:p>
        </p:txBody>
      </p:sp>
      <p:sp>
        <p:nvSpPr>
          <p:cNvPr id="10" name="Rectangle 9">
            <a:extLst>
              <a:ext uri="{FF2B5EF4-FFF2-40B4-BE49-F238E27FC236}">
                <a16:creationId xmlns:a16="http://schemas.microsoft.com/office/drawing/2014/main" id="{5021FAED-8ABA-41AD-954D-BD5DAAECF861}"/>
              </a:ext>
            </a:extLst>
          </p:cNvPr>
          <p:cNvSpPr/>
          <p:nvPr/>
        </p:nvSpPr>
        <p:spPr>
          <a:xfrm>
            <a:off x="8743097" y="1525012"/>
            <a:ext cx="2672751" cy="2436917"/>
          </a:xfrm>
          <a:prstGeom prst="rect">
            <a:avLst/>
          </a:prstGeom>
          <a:noFill/>
          <a:ln w="762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eaLnBrk="0" fontAlgn="base" hangingPunct="0">
              <a:spcBef>
                <a:spcPct val="0"/>
              </a:spcBef>
              <a:spcAft>
                <a:spcPct val="0"/>
              </a:spcAft>
            </a:pPr>
            <a:endParaRPr lang="en-US" sz="2400">
              <a:solidFill>
                <a:srgbClr val="FFC000"/>
              </a:solidFill>
              <a:latin typeface="Myriad Web Pro"/>
            </a:endParaRPr>
          </a:p>
        </p:txBody>
      </p:sp>
      <p:sp>
        <p:nvSpPr>
          <p:cNvPr id="20" name="TextBox 19">
            <a:extLst>
              <a:ext uri="{FF2B5EF4-FFF2-40B4-BE49-F238E27FC236}">
                <a16:creationId xmlns:a16="http://schemas.microsoft.com/office/drawing/2014/main" id="{423133F1-2315-4A3C-9D4F-C72A6555CC8D}"/>
              </a:ext>
            </a:extLst>
          </p:cNvPr>
          <p:cNvSpPr txBox="1"/>
          <p:nvPr/>
        </p:nvSpPr>
        <p:spPr>
          <a:xfrm>
            <a:off x="26317" y="2319151"/>
            <a:ext cx="832279" cy="738664"/>
          </a:xfrm>
          <a:prstGeom prst="rect">
            <a:avLst/>
          </a:prstGeom>
          <a:noFill/>
        </p:spPr>
        <p:txBody>
          <a:bodyPr wrap="none" rtlCol="0">
            <a:spAutoFit/>
          </a:bodyPr>
          <a:lstStyle/>
          <a:p>
            <a:pPr defTabSz="1219170" eaLnBrk="0" fontAlgn="base" hangingPunct="0">
              <a:spcBef>
                <a:spcPct val="0"/>
              </a:spcBef>
              <a:spcAft>
                <a:spcPct val="0"/>
              </a:spcAft>
            </a:pPr>
            <a:r>
              <a:rPr lang="en-US" sz="1400" dirty="0">
                <a:solidFill>
                  <a:srgbClr val="020B1C"/>
                </a:solidFill>
                <a:latin typeface="Myriad Web Pro" panose="020B0503030403020204" pitchFamily="34" charset="0"/>
              </a:rPr>
              <a:t>Patient</a:t>
            </a:r>
          </a:p>
          <a:p>
            <a:pPr defTabSz="1219170" eaLnBrk="0" fontAlgn="base" hangingPunct="0">
              <a:spcBef>
                <a:spcPct val="0"/>
              </a:spcBef>
              <a:spcAft>
                <a:spcPct val="0"/>
              </a:spcAft>
            </a:pPr>
            <a:r>
              <a:rPr lang="en-US" sz="1400" dirty="0">
                <a:solidFill>
                  <a:srgbClr val="020B1C"/>
                </a:solidFill>
                <a:latin typeface="Myriad Web Pro" panose="020B0503030403020204" pitchFamily="34" charset="0"/>
              </a:rPr>
              <a:t>Dies In </a:t>
            </a:r>
          </a:p>
          <a:p>
            <a:pPr defTabSz="1219170" eaLnBrk="0" fontAlgn="base" hangingPunct="0">
              <a:spcBef>
                <a:spcPct val="0"/>
              </a:spcBef>
              <a:spcAft>
                <a:spcPct val="0"/>
              </a:spcAft>
            </a:pPr>
            <a:r>
              <a:rPr lang="en-US" sz="1400" dirty="0">
                <a:solidFill>
                  <a:srgbClr val="020B1C"/>
                </a:solidFill>
                <a:latin typeface="Myriad Web Pro" panose="020B0503030403020204" pitchFamily="34" charset="0"/>
              </a:rPr>
              <a:t>Hospital</a:t>
            </a:r>
          </a:p>
        </p:txBody>
      </p:sp>
      <p:graphicFrame>
        <p:nvGraphicFramePr>
          <p:cNvPr id="21" name="Table 20">
            <a:extLst>
              <a:ext uri="{FF2B5EF4-FFF2-40B4-BE49-F238E27FC236}">
                <a16:creationId xmlns:a16="http://schemas.microsoft.com/office/drawing/2014/main" id="{234E7C8F-71D4-43A0-9B40-EB702554E5C0}"/>
              </a:ext>
            </a:extLst>
          </p:cNvPr>
          <p:cNvGraphicFramePr>
            <a:graphicFrameLocks noGrp="1"/>
          </p:cNvGraphicFramePr>
          <p:nvPr/>
        </p:nvGraphicFramePr>
        <p:xfrm>
          <a:off x="1110106" y="4363248"/>
          <a:ext cx="2511425" cy="1828800"/>
        </p:xfrm>
        <a:graphic>
          <a:graphicData uri="http://schemas.openxmlformats.org/drawingml/2006/table">
            <a:tbl>
              <a:tblPr firstRow="1" firstCol="1" bandRow="1"/>
              <a:tblGrid>
                <a:gridCol w="1482725">
                  <a:extLst>
                    <a:ext uri="{9D8B030D-6E8A-4147-A177-3AD203B41FA5}">
                      <a16:colId xmlns:a16="http://schemas.microsoft.com/office/drawing/2014/main" val="4181096843"/>
                    </a:ext>
                  </a:extLst>
                </a:gridCol>
                <a:gridCol w="1028700">
                  <a:extLst>
                    <a:ext uri="{9D8B030D-6E8A-4147-A177-3AD203B41FA5}">
                      <a16:colId xmlns:a16="http://schemas.microsoft.com/office/drawing/2014/main" val="3241833554"/>
                    </a:ext>
                  </a:extLst>
                </a:gridCol>
              </a:tblGrid>
              <a:tr h="243840">
                <a:tc gridSpan="2">
                  <a:txBody>
                    <a:bodyPr/>
                    <a:lstStyle/>
                    <a:p>
                      <a:pPr marL="0" marR="0" algn="ctr">
                        <a:spcBef>
                          <a:spcPts val="0"/>
                        </a:spcBef>
                        <a:spcAft>
                          <a:spcPts val="0"/>
                        </a:spcAft>
                      </a:pPr>
                      <a:r>
                        <a:rPr lang="en-US" sz="800" b="1">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Data Elements - Initial Inpatient Death Report</a:t>
                      </a:r>
                      <a:endParaRPr lang="en-US" sz="110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u="none" strike="noStrike">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 </a:t>
                      </a:r>
                      <a:endParaRPr lang="en-US" sz="110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hMerge="1">
                  <a:txBody>
                    <a:bodyPr/>
                    <a:lstStyle/>
                    <a:p>
                      <a:endParaRPr lang="en-US"/>
                    </a:p>
                  </a:txBody>
                  <a:tcPr/>
                </a:tc>
                <a:extLst>
                  <a:ext uri="{0D108BD9-81ED-4DB2-BD59-A6C34878D82A}">
                    <a16:rowId xmlns:a16="http://schemas.microsoft.com/office/drawing/2014/main" val="2334778457"/>
                  </a:ext>
                </a:extLst>
              </a:tr>
              <a:tr h="1584960">
                <a:tc>
                  <a:txBody>
                    <a:bodyPr/>
                    <a:lstStyle/>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First Name</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Last Name</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Actual or Presumed Date/ Time of Death*</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ronounced Dead Date/ Time *</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lace of Death*</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revious Name </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Middle Name (incl Middle Initial) </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Suffix</a:t>
                      </a: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Death Pronouncement Performer</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u="none" strike="noStrike"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 </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Birth Sex</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Date of Birth</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Race</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Ethnicity</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referred Language</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Current Address</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revious Address</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hone Number</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hone Number Type</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Smoking status</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p>
                      <a:pPr marL="0" marR="0" algn="l">
                        <a:spcBef>
                          <a:spcPts val="0"/>
                        </a:spcBef>
                        <a:spcAft>
                          <a:spcPts val="0"/>
                        </a:spcAft>
                      </a:pPr>
                      <a:r>
                        <a:rPr lang="en-US" sz="800" u="none" strike="noStrike"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 </a:t>
                      </a:r>
                      <a:endParaRPr lang="en-US" sz="11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05273918"/>
                  </a:ext>
                </a:extLst>
              </a:tr>
            </a:tbl>
          </a:graphicData>
        </a:graphic>
      </p:graphicFrame>
      <p:sp>
        <p:nvSpPr>
          <p:cNvPr id="23" name="Rectangle 1">
            <a:extLst>
              <a:ext uri="{FF2B5EF4-FFF2-40B4-BE49-F238E27FC236}">
                <a16:creationId xmlns:a16="http://schemas.microsoft.com/office/drawing/2014/main" id="{F40050AA-1B62-44C5-B034-F77256BC5D79}"/>
              </a:ext>
            </a:extLst>
          </p:cNvPr>
          <p:cNvSpPr>
            <a:spLocks noChangeArrowheads="1"/>
          </p:cNvSpPr>
          <p:nvPr/>
        </p:nvSpPr>
        <p:spPr bwMode="auto">
          <a:xfrm>
            <a:off x="1170808" y="4439060"/>
            <a:ext cx="184731" cy="5386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defTabSz="914377" eaLnBrk="0" fontAlgn="base" hangingPunct="0">
              <a:spcBef>
                <a:spcPct val="0"/>
              </a:spcBef>
              <a:spcAft>
                <a:spcPct val="0"/>
              </a:spcAft>
            </a:pPr>
            <a:br>
              <a:rPr lang="en-US" altLang="en-US" sz="1100" u="sng">
                <a:solidFill>
                  <a:srgbClr val="FFFFFF"/>
                </a:solidFill>
                <a:latin typeface="Arial" panose="020B0604020202020204" pitchFamily="34" charset="0"/>
                <a:ea typeface="Calibri" panose="020F0502020204030204" pitchFamily="34" charset="0"/>
              </a:rPr>
            </a:br>
            <a:endParaRPr lang="en-US" altLang="en-US">
              <a:solidFill>
                <a:srgbClr val="0F56DC"/>
              </a:solidFill>
              <a:latin typeface="Arial" panose="020B0604020202020204" pitchFamily="34" charset="0"/>
            </a:endParaRPr>
          </a:p>
        </p:txBody>
      </p:sp>
      <p:graphicFrame>
        <p:nvGraphicFramePr>
          <p:cNvPr id="29" name="Table 28">
            <a:extLst>
              <a:ext uri="{FF2B5EF4-FFF2-40B4-BE49-F238E27FC236}">
                <a16:creationId xmlns:a16="http://schemas.microsoft.com/office/drawing/2014/main" id="{DB15A8B8-D1C2-498E-8FA8-A8F0F7F83580}"/>
              </a:ext>
            </a:extLst>
          </p:cNvPr>
          <p:cNvGraphicFramePr>
            <a:graphicFrameLocks noGrp="1"/>
          </p:cNvGraphicFramePr>
          <p:nvPr/>
        </p:nvGraphicFramePr>
        <p:xfrm>
          <a:off x="4556089" y="4179304"/>
          <a:ext cx="3719364" cy="2118557"/>
        </p:xfrm>
        <a:graphic>
          <a:graphicData uri="http://schemas.openxmlformats.org/drawingml/2006/table">
            <a:tbl>
              <a:tblPr firstRow="1" firstCol="1" bandRow="1"/>
              <a:tblGrid>
                <a:gridCol w="3719364">
                  <a:extLst>
                    <a:ext uri="{9D8B030D-6E8A-4147-A177-3AD203B41FA5}">
                      <a16:colId xmlns:a16="http://schemas.microsoft.com/office/drawing/2014/main" val="1522203576"/>
                    </a:ext>
                  </a:extLst>
                </a:gridCol>
              </a:tblGrid>
              <a:tr h="211856">
                <a:tc>
                  <a:txBody>
                    <a:bodyPr/>
                    <a:lstStyle/>
                    <a:p>
                      <a:pPr marL="0" marR="0" algn="l">
                        <a:spcBef>
                          <a:spcPts val="0"/>
                        </a:spcBef>
                        <a:spcAft>
                          <a:spcPts val="0"/>
                        </a:spcAft>
                      </a:pPr>
                      <a:r>
                        <a:rPr lang="en-US" sz="1200" b="1"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Data Elements - Supplemental Death Report</a:t>
                      </a:r>
                      <a:endPar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228728936"/>
                  </a:ext>
                </a:extLst>
              </a:tr>
              <a:tr h="1906701">
                <a:tc>
                  <a:txBody>
                    <a:bodyPr/>
                    <a:lstStyle/>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Cause of Death (IF available)</a:t>
                      </a:r>
                    </a:p>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Significant Conditions Contributing to Death (If available)</a:t>
                      </a:r>
                    </a:p>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Autopsy performed? (If Available)</a:t>
                      </a:r>
                    </a:p>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Clinical notes (discharge summary)</a:t>
                      </a:r>
                    </a:p>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Health Concerns                              </a:t>
                      </a:r>
                    </a:p>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roblems</a:t>
                      </a:r>
                    </a:p>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t DOB Labs</a:t>
                      </a:r>
                    </a:p>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Procedures</a:t>
                      </a:r>
                    </a:p>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Vital signs</a:t>
                      </a:r>
                    </a:p>
                    <a:p>
                      <a:pPr marL="0" marR="0" algn="l">
                        <a:spcBef>
                          <a:spcPts val="0"/>
                        </a:spcBef>
                        <a:spcAft>
                          <a:spcPts val="0"/>
                        </a:spcAft>
                      </a:pPr>
                      <a:r>
                        <a:rPr lang="en-US" sz="1200" dirty="0">
                          <a:solidFill>
                            <a:srgbClr val="020B1C"/>
                          </a:solidFill>
                          <a:effectLst/>
                          <a:latin typeface="Calibri" panose="020F0502020204030204" pitchFamily="34" charset="0"/>
                          <a:ea typeface="Calibri" panose="020F0502020204030204" pitchFamily="34" charset="0"/>
                          <a:cs typeface="Times New Roman" panose="02020603050405020304" pitchFamily="18" charset="0"/>
                        </a:rPr>
                        <a:t>Case ID (assigned in EDR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83898253"/>
                  </a:ext>
                </a:extLst>
              </a:tr>
            </a:tbl>
          </a:graphicData>
        </a:graphic>
      </p:graphicFrame>
      <p:sp>
        <p:nvSpPr>
          <p:cNvPr id="34" name="Rectangle 2">
            <a:extLst>
              <a:ext uri="{FF2B5EF4-FFF2-40B4-BE49-F238E27FC236}">
                <a16:creationId xmlns:a16="http://schemas.microsoft.com/office/drawing/2014/main" id="{A906AAD2-D56D-496C-AEF8-8311EA37C3F5}"/>
              </a:ext>
            </a:extLst>
          </p:cNvPr>
          <p:cNvSpPr>
            <a:spLocks noChangeArrowheads="1"/>
          </p:cNvSpPr>
          <p:nvPr/>
        </p:nvSpPr>
        <p:spPr bwMode="auto">
          <a:xfrm>
            <a:off x="4669967" y="4295463"/>
            <a:ext cx="184731" cy="5386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defTabSz="914377" eaLnBrk="0" fontAlgn="base" hangingPunct="0">
              <a:spcBef>
                <a:spcPct val="0"/>
              </a:spcBef>
              <a:spcAft>
                <a:spcPct val="0"/>
              </a:spcAft>
            </a:pPr>
            <a:br>
              <a:rPr lang="en-US" altLang="en-US" sz="1100" u="sng">
                <a:solidFill>
                  <a:srgbClr val="0F56DC"/>
                </a:solidFill>
                <a:latin typeface="Arial" panose="020B0604020202020204" pitchFamily="34" charset="0"/>
                <a:ea typeface="Calibri" panose="020F0502020204030204" pitchFamily="34" charset="0"/>
              </a:rPr>
            </a:br>
            <a:endParaRPr lang="en-US" altLang="en-US">
              <a:solidFill>
                <a:srgbClr val="0F56DC"/>
              </a:solidFill>
              <a:latin typeface="Arial" panose="020B0604020202020204" pitchFamily="34" charset="0"/>
            </a:endParaRPr>
          </a:p>
        </p:txBody>
      </p:sp>
      <p:sp>
        <p:nvSpPr>
          <p:cNvPr id="45" name="TextBox 44">
            <a:extLst>
              <a:ext uri="{FF2B5EF4-FFF2-40B4-BE49-F238E27FC236}">
                <a16:creationId xmlns:a16="http://schemas.microsoft.com/office/drawing/2014/main" id="{2F5EB2AE-C2AD-4FEB-91D2-20CB3E173C27}"/>
              </a:ext>
            </a:extLst>
          </p:cNvPr>
          <p:cNvSpPr txBox="1"/>
          <p:nvPr/>
        </p:nvSpPr>
        <p:spPr>
          <a:xfrm>
            <a:off x="6579961" y="720846"/>
            <a:ext cx="1387715" cy="830997"/>
          </a:xfrm>
          <a:prstGeom prst="rect">
            <a:avLst/>
          </a:prstGeom>
          <a:noFill/>
        </p:spPr>
        <p:txBody>
          <a:bodyPr wrap="square" rtlCol="0">
            <a:spAutoFit/>
          </a:bodyPr>
          <a:lstStyle/>
          <a:p>
            <a:pPr algn="ctr" defTabSz="1219170" eaLnBrk="0" fontAlgn="base" hangingPunct="0">
              <a:spcBef>
                <a:spcPct val="0"/>
              </a:spcBef>
              <a:spcAft>
                <a:spcPct val="0"/>
              </a:spcAft>
            </a:pPr>
            <a:r>
              <a:rPr lang="en-US" sz="1600" dirty="0">
                <a:solidFill>
                  <a:srgbClr val="020B1C"/>
                </a:solidFill>
                <a:latin typeface="Myriad Web Pro" panose="020B0503030403020204" pitchFamily="34" charset="0"/>
              </a:rPr>
              <a:t>EHR FHIR</a:t>
            </a:r>
          </a:p>
          <a:p>
            <a:pPr algn="ctr" defTabSz="1219170" eaLnBrk="0" fontAlgn="base" hangingPunct="0">
              <a:spcBef>
                <a:spcPct val="0"/>
              </a:spcBef>
              <a:spcAft>
                <a:spcPct val="0"/>
              </a:spcAft>
            </a:pPr>
            <a:r>
              <a:rPr lang="en-US" sz="1600" dirty="0">
                <a:solidFill>
                  <a:srgbClr val="020B1C"/>
                </a:solidFill>
                <a:latin typeface="Myriad Web Pro" panose="020B0503030403020204" pitchFamily="34" charset="0"/>
              </a:rPr>
              <a:t>Server or</a:t>
            </a:r>
          </a:p>
          <a:p>
            <a:pPr algn="ctr" defTabSz="1219170" eaLnBrk="0" fontAlgn="base" hangingPunct="0">
              <a:spcBef>
                <a:spcPct val="0"/>
              </a:spcBef>
              <a:spcAft>
                <a:spcPct val="0"/>
              </a:spcAft>
            </a:pPr>
            <a:r>
              <a:rPr lang="en-US" sz="1600" dirty="0">
                <a:solidFill>
                  <a:srgbClr val="020B1C"/>
                </a:solidFill>
                <a:latin typeface="Myriad Web Pro" panose="020B0503030403020204" pitchFamily="34" charset="0"/>
              </a:rPr>
              <a:t>Services</a:t>
            </a:r>
          </a:p>
        </p:txBody>
      </p:sp>
      <p:sp>
        <p:nvSpPr>
          <p:cNvPr id="40" name="Rectangle 39">
            <a:extLst>
              <a:ext uri="{FF2B5EF4-FFF2-40B4-BE49-F238E27FC236}">
                <a16:creationId xmlns:a16="http://schemas.microsoft.com/office/drawing/2014/main" id="{621196A1-6AFE-47B5-9722-1BC00698B796}"/>
              </a:ext>
            </a:extLst>
          </p:cNvPr>
          <p:cNvSpPr/>
          <p:nvPr/>
        </p:nvSpPr>
        <p:spPr>
          <a:xfrm>
            <a:off x="1164913" y="6118865"/>
            <a:ext cx="5056131" cy="400110"/>
          </a:xfrm>
          <a:prstGeom prst="rect">
            <a:avLst/>
          </a:prstGeom>
        </p:spPr>
        <p:txBody>
          <a:bodyPr wrap="square">
            <a:spAutoFit/>
          </a:bodyPr>
          <a:lstStyle/>
          <a:p>
            <a:pPr defTabSz="1219170" eaLnBrk="0" fontAlgn="base" hangingPunct="0">
              <a:spcBef>
                <a:spcPct val="0"/>
              </a:spcBef>
              <a:spcAft>
                <a:spcPct val="0"/>
              </a:spcAft>
            </a:pPr>
            <a:r>
              <a:rPr lang="en-US" sz="1000" dirty="0">
                <a:solidFill>
                  <a:srgbClr val="020B1C"/>
                </a:solidFill>
                <a:latin typeface="Calibri" panose="020F0502020204030204" pitchFamily="34" charset="0"/>
                <a:ea typeface="Calibri" panose="020F0502020204030204" pitchFamily="34" charset="0"/>
              </a:rPr>
              <a:t>*= Non-USCDI V1 data element but presumed</a:t>
            </a:r>
          </a:p>
          <a:p>
            <a:pPr defTabSz="1219170" eaLnBrk="0" fontAlgn="base" hangingPunct="0">
              <a:spcBef>
                <a:spcPct val="0"/>
              </a:spcBef>
              <a:spcAft>
                <a:spcPct val="0"/>
              </a:spcAft>
            </a:pPr>
            <a:r>
              <a:rPr lang="en-US" sz="1000" dirty="0">
                <a:solidFill>
                  <a:srgbClr val="020B1C"/>
                </a:solidFill>
                <a:latin typeface="Calibri" panose="020F0502020204030204" pitchFamily="34" charset="0"/>
                <a:ea typeface="Calibri" panose="020F0502020204030204" pitchFamily="34" charset="0"/>
              </a:rPr>
              <a:t>obtainable from EHR</a:t>
            </a:r>
          </a:p>
        </p:txBody>
      </p:sp>
      <p:sp>
        <p:nvSpPr>
          <p:cNvPr id="28" name="TextBox 27">
            <a:extLst>
              <a:ext uri="{FF2B5EF4-FFF2-40B4-BE49-F238E27FC236}">
                <a16:creationId xmlns:a16="http://schemas.microsoft.com/office/drawing/2014/main" id="{6257AED3-63A1-412E-854A-E170170C8679}"/>
              </a:ext>
            </a:extLst>
          </p:cNvPr>
          <p:cNvSpPr txBox="1"/>
          <p:nvPr/>
        </p:nvSpPr>
        <p:spPr>
          <a:xfrm>
            <a:off x="4348763" y="1436368"/>
            <a:ext cx="2242867" cy="400110"/>
          </a:xfrm>
          <a:prstGeom prst="rect">
            <a:avLst/>
          </a:prstGeom>
          <a:noFill/>
        </p:spPr>
        <p:txBody>
          <a:bodyPr wrap="square" rtlCol="0">
            <a:spAutoFit/>
          </a:bodyPr>
          <a:lstStyle/>
          <a:p>
            <a:pPr algn="ctr" defTabSz="1219170" eaLnBrk="0" fontAlgn="base" hangingPunct="0">
              <a:spcBef>
                <a:spcPct val="0"/>
              </a:spcBef>
              <a:spcAft>
                <a:spcPct val="0"/>
              </a:spcAft>
            </a:pPr>
            <a:r>
              <a:rPr lang="en-US" sz="2000" dirty="0">
                <a:solidFill>
                  <a:srgbClr val="0F56DC"/>
                </a:solidFill>
                <a:latin typeface="Myriad Web Pro" panose="020B0503030403020204" pitchFamily="34" charset="0"/>
              </a:rPr>
              <a:t>2.</a:t>
            </a:r>
          </a:p>
        </p:txBody>
      </p:sp>
      <p:cxnSp>
        <p:nvCxnSpPr>
          <p:cNvPr id="61" name="Connector: Elbow 60">
            <a:extLst>
              <a:ext uri="{FF2B5EF4-FFF2-40B4-BE49-F238E27FC236}">
                <a16:creationId xmlns:a16="http://schemas.microsoft.com/office/drawing/2014/main" id="{9DB40407-C48A-47C4-9873-6EB1D0E61523}"/>
              </a:ext>
            </a:extLst>
          </p:cNvPr>
          <p:cNvCxnSpPr>
            <a:cxnSpLocks/>
          </p:cNvCxnSpPr>
          <p:nvPr/>
        </p:nvCxnSpPr>
        <p:spPr>
          <a:xfrm flipV="1">
            <a:off x="2646413" y="865759"/>
            <a:ext cx="3945217" cy="694063"/>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031" name="Straight Connector 1030">
            <a:extLst>
              <a:ext uri="{FF2B5EF4-FFF2-40B4-BE49-F238E27FC236}">
                <a16:creationId xmlns:a16="http://schemas.microsoft.com/office/drawing/2014/main" id="{AC2FED86-6AD6-418C-A051-4628568E70D6}"/>
              </a:ext>
            </a:extLst>
          </p:cNvPr>
          <p:cNvCxnSpPr>
            <a:cxnSpLocks/>
          </p:cNvCxnSpPr>
          <p:nvPr/>
        </p:nvCxnSpPr>
        <p:spPr>
          <a:xfrm>
            <a:off x="2637591" y="1525012"/>
            <a:ext cx="0" cy="277755"/>
          </a:xfrm>
          <a:prstGeom prst="line">
            <a:avLst/>
          </a:prstGeom>
        </p:spPr>
        <p:style>
          <a:lnRef idx="1">
            <a:schemeClr val="accent1"/>
          </a:lnRef>
          <a:fillRef idx="0">
            <a:schemeClr val="accent1"/>
          </a:fillRef>
          <a:effectRef idx="0">
            <a:schemeClr val="accent1"/>
          </a:effectRef>
          <a:fontRef idx="minor">
            <a:schemeClr val="tx1"/>
          </a:fontRef>
        </p:style>
      </p:cxnSp>
      <p:cxnSp>
        <p:nvCxnSpPr>
          <p:cNvPr id="73" name="Connector: Elbow 72">
            <a:extLst>
              <a:ext uri="{FF2B5EF4-FFF2-40B4-BE49-F238E27FC236}">
                <a16:creationId xmlns:a16="http://schemas.microsoft.com/office/drawing/2014/main" id="{DFAC64E9-7E6C-4131-B9BF-6DF7F20845B5}"/>
              </a:ext>
            </a:extLst>
          </p:cNvPr>
          <p:cNvCxnSpPr>
            <a:cxnSpLocks/>
          </p:cNvCxnSpPr>
          <p:nvPr/>
        </p:nvCxnSpPr>
        <p:spPr>
          <a:xfrm rot="5400000" flipH="1" flipV="1">
            <a:off x="5643228" y="2197655"/>
            <a:ext cx="1961696" cy="894164"/>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80" name="Connector: Elbow 79">
            <a:extLst>
              <a:ext uri="{FF2B5EF4-FFF2-40B4-BE49-F238E27FC236}">
                <a16:creationId xmlns:a16="http://schemas.microsoft.com/office/drawing/2014/main" id="{ADAA6369-C8E0-424E-9D15-4E14DEC75E80}"/>
              </a:ext>
            </a:extLst>
          </p:cNvPr>
          <p:cNvCxnSpPr>
            <a:cxnSpLocks/>
          </p:cNvCxnSpPr>
          <p:nvPr/>
        </p:nvCxnSpPr>
        <p:spPr>
          <a:xfrm rot="16200000" flipH="1">
            <a:off x="7650427" y="1572583"/>
            <a:ext cx="1145899" cy="1039440"/>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95971B14-17BD-4852-91D0-C52349A31C31}"/>
              </a:ext>
            </a:extLst>
          </p:cNvPr>
          <p:cNvSpPr txBox="1"/>
          <p:nvPr/>
        </p:nvSpPr>
        <p:spPr>
          <a:xfrm>
            <a:off x="9058363" y="889625"/>
            <a:ext cx="2046336" cy="584775"/>
          </a:xfrm>
          <a:prstGeom prst="rect">
            <a:avLst/>
          </a:prstGeom>
          <a:noFill/>
        </p:spPr>
        <p:txBody>
          <a:bodyPr wrap="square" rtlCol="0">
            <a:spAutoFit/>
          </a:bodyPr>
          <a:lstStyle/>
          <a:p>
            <a:pPr algn="ctr" defTabSz="1219170" eaLnBrk="0" fontAlgn="base" hangingPunct="0">
              <a:spcBef>
                <a:spcPct val="0"/>
              </a:spcBef>
              <a:spcAft>
                <a:spcPct val="0"/>
              </a:spcAft>
            </a:pPr>
            <a:r>
              <a:rPr lang="en-US" sz="1600" dirty="0">
                <a:solidFill>
                  <a:srgbClr val="020B1C"/>
                </a:solidFill>
                <a:latin typeface="Myriad Web Pro" panose="020B0503030403020204" pitchFamily="34" charset="0"/>
              </a:rPr>
              <a:t>Case id assigned in </a:t>
            </a:r>
          </a:p>
          <a:p>
            <a:pPr algn="ctr" defTabSz="1219170" eaLnBrk="0" fontAlgn="base" hangingPunct="0">
              <a:spcBef>
                <a:spcPct val="0"/>
              </a:spcBef>
              <a:spcAft>
                <a:spcPct val="0"/>
              </a:spcAft>
            </a:pPr>
            <a:r>
              <a:rPr lang="en-US" sz="1600" dirty="0">
                <a:solidFill>
                  <a:srgbClr val="020B1C"/>
                </a:solidFill>
                <a:latin typeface="Myriad Web Pro" panose="020B0503030403020204" pitchFamily="34" charset="0"/>
              </a:rPr>
              <a:t>EDRS</a:t>
            </a:r>
          </a:p>
        </p:txBody>
      </p:sp>
      <p:cxnSp>
        <p:nvCxnSpPr>
          <p:cNvPr id="38" name="Connector: Elbow 37">
            <a:extLst>
              <a:ext uri="{FF2B5EF4-FFF2-40B4-BE49-F238E27FC236}">
                <a16:creationId xmlns:a16="http://schemas.microsoft.com/office/drawing/2014/main" id="{A93FED9A-156A-4C3D-BF77-7F48E9AEB163}"/>
              </a:ext>
            </a:extLst>
          </p:cNvPr>
          <p:cNvCxnSpPr>
            <a:cxnSpLocks/>
          </p:cNvCxnSpPr>
          <p:nvPr/>
        </p:nvCxnSpPr>
        <p:spPr>
          <a:xfrm>
            <a:off x="6246084" y="3655430"/>
            <a:ext cx="2441272" cy="1"/>
          </a:xfrm>
          <a:prstGeom prst="bentConnector3">
            <a:avLst>
              <a:gd name="adj1" fmla="val 50000"/>
            </a:avLst>
          </a:prstGeom>
          <a:ln>
            <a:headEnd type="triangle"/>
            <a:tailEnd type="none"/>
          </a:ln>
        </p:spPr>
        <p:style>
          <a:lnRef idx="1">
            <a:schemeClr val="accent1"/>
          </a:lnRef>
          <a:fillRef idx="0">
            <a:schemeClr val="accent1"/>
          </a:fillRef>
          <a:effectRef idx="0">
            <a:schemeClr val="accent1"/>
          </a:effectRef>
          <a:fontRef idx="minor">
            <a:schemeClr val="tx1"/>
          </a:fontRef>
        </p:style>
      </p:cxnSp>
      <p:cxnSp>
        <p:nvCxnSpPr>
          <p:cNvPr id="41" name="Connector: Elbow 40">
            <a:extLst>
              <a:ext uri="{FF2B5EF4-FFF2-40B4-BE49-F238E27FC236}">
                <a16:creationId xmlns:a16="http://schemas.microsoft.com/office/drawing/2014/main" id="{0F2C66AC-FE94-4B75-9495-600664636CB7}"/>
              </a:ext>
            </a:extLst>
          </p:cNvPr>
          <p:cNvCxnSpPr>
            <a:cxnSpLocks/>
          </p:cNvCxnSpPr>
          <p:nvPr/>
        </p:nvCxnSpPr>
        <p:spPr>
          <a:xfrm flipV="1">
            <a:off x="1052904" y="6545725"/>
            <a:ext cx="7234123" cy="1"/>
          </a:xfrm>
          <a:prstGeom prst="bentConnector3">
            <a:avLst>
              <a:gd name="adj1" fmla="val 50000"/>
            </a:avLst>
          </a:prstGeom>
          <a:ln w="28575">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43" name="Connector: Elbow 42">
            <a:extLst>
              <a:ext uri="{FF2B5EF4-FFF2-40B4-BE49-F238E27FC236}">
                <a16:creationId xmlns:a16="http://schemas.microsoft.com/office/drawing/2014/main" id="{C7757AA3-A824-4D75-8754-D3BB5EAE5476}"/>
              </a:ext>
            </a:extLst>
          </p:cNvPr>
          <p:cNvCxnSpPr>
            <a:cxnSpLocks/>
          </p:cNvCxnSpPr>
          <p:nvPr/>
        </p:nvCxnSpPr>
        <p:spPr>
          <a:xfrm>
            <a:off x="8758543" y="6443305"/>
            <a:ext cx="3255971" cy="7003"/>
          </a:xfrm>
          <a:prstGeom prst="bentConnector3">
            <a:avLst>
              <a:gd name="adj1" fmla="val 50000"/>
            </a:avLst>
          </a:prstGeom>
          <a:ln w="28575">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6" name="Rectangle 25">
            <a:extLst>
              <a:ext uri="{FF2B5EF4-FFF2-40B4-BE49-F238E27FC236}">
                <a16:creationId xmlns:a16="http://schemas.microsoft.com/office/drawing/2014/main" id="{BAE4E760-8DD0-42FF-86E8-15D0C5BBD3F2}"/>
              </a:ext>
            </a:extLst>
          </p:cNvPr>
          <p:cNvSpPr/>
          <p:nvPr/>
        </p:nvSpPr>
        <p:spPr>
          <a:xfrm>
            <a:off x="6415769" y="3398150"/>
            <a:ext cx="2715039" cy="276999"/>
          </a:xfrm>
          <a:prstGeom prst="rect">
            <a:avLst/>
          </a:prstGeom>
        </p:spPr>
        <p:txBody>
          <a:bodyPr wrap="square">
            <a:spAutoFit/>
          </a:bodyPr>
          <a:lstStyle/>
          <a:p>
            <a:pPr fontAlgn="base">
              <a:spcBef>
                <a:spcPct val="0"/>
              </a:spcBef>
              <a:spcAft>
                <a:spcPct val="0"/>
              </a:spcAft>
            </a:pPr>
            <a:r>
              <a:rPr lang="en-US" sz="1200" dirty="0">
                <a:solidFill>
                  <a:srgbClr val="000000"/>
                </a:solidFill>
                <a:latin typeface="Calibri" panose="020F0502020204030204" pitchFamily="34" charset="0"/>
              </a:rPr>
              <a:t>EDRS case ID sent to EHR</a:t>
            </a:r>
          </a:p>
        </p:txBody>
      </p:sp>
      <p:sp>
        <p:nvSpPr>
          <p:cNvPr id="51" name="TextBox 50">
            <a:extLst>
              <a:ext uri="{FF2B5EF4-FFF2-40B4-BE49-F238E27FC236}">
                <a16:creationId xmlns:a16="http://schemas.microsoft.com/office/drawing/2014/main" id="{883F056C-5FAA-4699-AA93-432F2097F426}"/>
              </a:ext>
            </a:extLst>
          </p:cNvPr>
          <p:cNvSpPr txBox="1"/>
          <p:nvPr/>
        </p:nvSpPr>
        <p:spPr>
          <a:xfrm>
            <a:off x="4007168" y="6349844"/>
            <a:ext cx="1132320" cy="400110"/>
          </a:xfrm>
          <a:prstGeom prst="rect">
            <a:avLst/>
          </a:prstGeom>
          <a:solidFill>
            <a:schemeClr val="bg2">
              <a:lumMod val="90000"/>
            </a:schemeClr>
          </a:solidFill>
          <a:ln>
            <a:solidFill>
              <a:schemeClr val="tx1"/>
            </a:solidFill>
          </a:ln>
        </p:spPr>
        <p:txBody>
          <a:bodyPr wrap="square" rtlCol="0">
            <a:spAutoFit/>
          </a:bodyPr>
          <a:lstStyle>
            <a:defPPr>
              <a:defRPr lang="en-US"/>
            </a:defPPr>
            <a:lvl1pPr algn="ctr">
              <a:defRPr sz="2000" b="1"/>
            </a:lvl1pPr>
          </a:lstStyle>
          <a:p>
            <a:pPr defTabSz="1219170" eaLnBrk="0" fontAlgn="base" hangingPunct="0">
              <a:spcBef>
                <a:spcPct val="0"/>
              </a:spcBef>
              <a:spcAft>
                <a:spcPct val="0"/>
              </a:spcAft>
            </a:pPr>
            <a:r>
              <a:rPr lang="en-US" dirty="0">
                <a:solidFill>
                  <a:srgbClr val="0F56DC"/>
                </a:solidFill>
                <a:latin typeface="Myriad Web Pro" panose="020B0503030403020204" pitchFamily="34" charset="0"/>
              </a:rPr>
              <a:t>EHR</a:t>
            </a:r>
          </a:p>
        </p:txBody>
      </p:sp>
      <p:sp>
        <p:nvSpPr>
          <p:cNvPr id="52" name="TextBox 51">
            <a:extLst>
              <a:ext uri="{FF2B5EF4-FFF2-40B4-BE49-F238E27FC236}">
                <a16:creationId xmlns:a16="http://schemas.microsoft.com/office/drawing/2014/main" id="{A3EB1F33-5CFF-4231-8017-CF0725CB13E1}"/>
              </a:ext>
            </a:extLst>
          </p:cNvPr>
          <p:cNvSpPr txBox="1"/>
          <p:nvPr/>
        </p:nvSpPr>
        <p:spPr>
          <a:xfrm>
            <a:off x="9968253" y="6293997"/>
            <a:ext cx="1011571" cy="400110"/>
          </a:xfrm>
          <a:prstGeom prst="rect">
            <a:avLst/>
          </a:prstGeom>
          <a:solidFill>
            <a:schemeClr val="bg2">
              <a:lumMod val="90000"/>
            </a:schemeClr>
          </a:solidFill>
          <a:ln>
            <a:solidFill>
              <a:schemeClr val="tx1"/>
            </a:solidFill>
          </a:ln>
        </p:spPr>
        <p:txBody>
          <a:bodyPr wrap="square" rtlCol="0">
            <a:spAutoFit/>
          </a:bodyPr>
          <a:lstStyle>
            <a:defPPr>
              <a:defRPr lang="en-US"/>
            </a:defPPr>
            <a:lvl1pPr algn="ctr">
              <a:defRPr sz="2000" b="1"/>
            </a:lvl1pPr>
          </a:lstStyle>
          <a:p>
            <a:pPr defTabSz="1219170" eaLnBrk="0" fontAlgn="base" hangingPunct="0">
              <a:spcBef>
                <a:spcPct val="0"/>
              </a:spcBef>
              <a:spcAft>
                <a:spcPct val="0"/>
              </a:spcAft>
            </a:pPr>
            <a:r>
              <a:rPr lang="en-US" dirty="0">
                <a:solidFill>
                  <a:srgbClr val="0F56DC"/>
                </a:solidFill>
                <a:latin typeface="Myriad Web Pro" panose="020B0503030403020204" pitchFamily="34" charset="0"/>
              </a:rPr>
              <a:t>EDRS</a:t>
            </a:r>
          </a:p>
        </p:txBody>
      </p:sp>
      <p:sp>
        <p:nvSpPr>
          <p:cNvPr id="44" name="Rectangle 43">
            <a:extLst>
              <a:ext uri="{FF2B5EF4-FFF2-40B4-BE49-F238E27FC236}">
                <a16:creationId xmlns:a16="http://schemas.microsoft.com/office/drawing/2014/main" id="{DB396506-0CDF-447D-9BDC-98F69072C705}"/>
              </a:ext>
            </a:extLst>
          </p:cNvPr>
          <p:cNvSpPr/>
          <p:nvPr/>
        </p:nvSpPr>
        <p:spPr>
          <a:xfrm>
            <a:off x="3297299" y="2378682"/>
            <a:ext cx="6096000" cy="338554"/>
          </a:xfrm>
          <a:prstGeom prst="rect">
            <a:avLst/>
          </a:prstGeom>
        </p:spPr>
        <p:txBody>
          <a:bodyPr>
            <a:spAutoFit/>
          </a:bodyPr>
          <a:lstStyle/>
          <a:p>
            <a:pPr defTabSz="1219170" eaLnBrk="0" fontAlgn="base" hangingPunct="0">
              <a:spcBef>
                <a:spcPct val="0"/>
              </a:spcBef>
              <a:spcAft>
                <a:spcPct val="0"/>
              </a:spcAft>
            </a:pPr>
            <a:r>
              <a:rPr lang="en-US" sz="1600" dirty="0">
                <a:solidFill>
                  <a:srgbClr val="020B1C"/>
                </a:solidFill>
                <a:latin typeface="Myriad Web Pro" panose="020B0503030403020204" pitchFamily="34" charset="0"/>
              </a:rPr>
              <a:t>Time lag</a:t>
            </a:r>
          </a:p>
        </p:txBody>
      </p:sp>
      <p:sp>
        <p:nvSpPr>
          <p:cNvPr id="46" name="TextBox 45">
            <a:extLst>
              <a:ext uri="{FF2B5EF4-FFF2-40B4-BE49-F238E27FC236}">
                <a16:creationId xmlns:a16="http://schemas.microsoft.com/office/drawing/2014/main" id="{0735E4B7-344F-4836-8AB8-4C882A4169A9}"/>
              </a:ext>
            </a:extLst>
          </p:cNvPr>
          <p:cNvSpPr txBox="1"/>
          <p:nvPr/>
        </p:nvSpPr>
        <p:spPr>
          <a:xfrm>
            <a:off x="6842863" y="1561312"/>
            <a:ext cx="2242867" cy="400110"/>
          </a:xfrm>
          <a:prstGeom prst="rect">
            <a:avLst/>
          </a:prstGeom>
          <a:noFill/>
        </p:spPr>
        <p:txBody>
          <a:bodyPr wrap="square" rtlCol="0">
            <a:spAutoFit/>
          </a:bodyPr>
          <a:lstStyle/>
          <a:p>
            <a:pPr algn="ctr" defTabSz="1219170" eaLnBrk="0" fontAlgn="base" hangingPunct="0">
              <a:spcBef>
                <a:spcPct val="0"/>
              </a:spcBef>
              <a:spcAft>
                <a:spcPct val="0"/>
              </a:spcAft>
            </a:pPr>
            <a:r>
              <a:rPr lang="en-US" sz="2000" dirty="0">
                <a:solidFill>
                  <a:srgbClr val="0F56DC"/>
                </a:solidFill>
                <a:latin typeface="Myriad Web Pro" panose="020B0503030403020204" pitchFamily="34" charset="0"/>
              </a:rPr>
              <a:t>1.</a:t>
            </a:r>
          </a:p>
        </p:txBody>
      </p:sp>
      <p:sp>
        <p:nvSpPr>
          <p:cNvPr id="5" name="TextBox 4">
            <a:extLst>
              <a:ext uri="{FF2B5EF4-FFF2-40B4-BE49-F238E27FC236}">
                <a16:creationId xmlns:a16="http://schemas.microsoft.com/office/drawing/2014/main" id="{7CAB506F-F453-42BA-BC96-22953DC0604D}"/>
              </a:ext>
            </a:extLst>
          </p:cNvPr>
          <p:cNvSpPr txBox="1"/>
          <p:nvPr/>
        </p:nvSpPr>
        <p:spPr>
          <a:xfrm flipH="1">
            <a:off x="7692779" y="2029721"/>
            <a:ext cx="1320688" cy="646331"/>
          </a:xfrm>
          <a:prstGeom prst="rect">
            <a:avLst/>
          </a:prstGeom>
          <a:noFill/>
        </p:spPr>
        <p:txBody>
          <a:bodyPr wrap="square" rtlCol="0">
            <a:spAutoFit/>
          </a:bodyPr>
          <a:lstStyle/>
          <a:p>
            <a:r>
              <a:rPr lang="en-US" sz="1200" dirty="0">
                <a:solidFill>
                  <a:srgbClr val="000000"/>
                </a:solidFill>
                <a:latin typeface="Calibri" panose="020F0502020204030204" pitchFamily="34" charset="0"/>
              </a:rPr>
              <a:t>Create new or merge with existing</a:t>
            </a:r>
          </a:p>
        </p:txBody>
      </p:sp>
      <p:cxnSp>
        <p:nvCxnSpPr>
          <p:cNvPr id="47" name="Connector: Elbow 46">
            <a:extLst>
              <a:ext uri="{FF2B5EF4-FFF2-40B4-BE49-F238E27FC236}">
                <a16:creationId xmlns:a16="http://schemas.microsoft.com/office/drawing/2014/main" id="{8545CD76-7EF8-4E98-9F19-AEB632BD1DBB}"/>
              </a:ext>
            </a:extLst>
          </p:cNvPr>
          <p:cNvCxnSpPr>
            <a:cxnSpLocks/>
          </p:cNvCxnSpPr>
          <p:nvPr/>
        </p:nvCxnSpPr>
        <p:spPr>
          <a:xfrm>
            <a:off x="7053454" y="1612904"/>
            <a:ext cx="1665072" cy="1573803"/>
          </a:xfrm>
          <a:prstGeom prst="bentConnector3">
            <a:avLst>
              <a:gd name="adj1" fmla="val 15004"/>
            </a:avLst>
          </a:prstGeom>
          <a:ln>
            <a:tailEnd type="triangle"/>
          </a:ln>
        </p:spPr>
        <p:style>
          <a:lnRef idx="1">
            <a:schemeClr val="accent1"/>
          </a:lnRef>
          <a:fillRef idx="0">
            <a:schemeClr val="accent1"/>
          </a:fillRef>
          <a:effectRef idx="0">
            <a:schemeClr val="accent1"/>
          </a:effectRef>
          <a:fontRef idx="minor">
            <a:schemeClr val="tx1"/>
          </a:fontRef>
        </p:style>
      </p:cxnSp>
      <p:sp>
        <p:nvSpPr>
          <p:cNvPr id="49" name="TextBox 48">
            <a:extLst>
              <a:ext uri="{FF2B5EF4-FFF2-40B4-BE49-F238E27FC236}">
                <a16:creationId xmlns:a16="http://schemas.microsoft.com/office/drawing/2014/main" id="{90B3D54B-403B-45E4-A9EA-A462504E3F49}"/>
              </a:ext>
            </a:extLst>
          </p:cNvPr>
          <p:cNvSpPr txBox="1"/>
          <p:nvPr/>
        </p:nvSpPr>
        <p:spPr>
          <a:xfrm>
            <a:off x="6028756" y="2788516"/>
            <a:ext cx="2242867" cy="400110"/>
          </a:xfrm>
          <a:prstGeom prst="rect">
            <a:avLst/>
          </a:prstGeom>
          <a:noFill/>
        </p:spPr>
        <p:txBody>
          <a:bodyPr wrap="square" rtlCol="0">
            <a:spAutoFit/>
          </a:bodyPr>
          <a:lstStyle/>
          <a:p>
            <a:pPr algn="ctr" defTabSz="1219170" eaLnBrk="0" fontAlgn="base" hangingPunct="0">
              <a:spcBef>
                <a:spcPct val="0"/>
              </a:spcBef>
              <a:spcAft>
                <a:spcPct val="0"/>
              </a:spcAft>
            </a:pPr>
            <a:r>
              <a:rPr lang="en-US" sz="2000" dirty="0">
                <a:solidFill>
                  <a:srgbClr val="0F56DC"/>
                </a:solidFill>
                <a:latin typeface="Myriad Web Pro" panose="020B0503030403020204" pitchFamily="34" charset="0"/>
              </a:rPr>
              <a:t>2.</a:t>
            </a:r>
          </a:p>
        </p:txBody>
      </p:sp>
      <p:sp>
        <p:nvSpPr>
          <p:cNvPr id="50" name="TextBox 49">
            <a:extLst>
              <a:ext uri="{FF2B5EF4-FFF2-40B4-BE49-F238E27FC236}">
                <a16:creationId xmlns:a16="http://schemas.microsoft.com/office/drawing/2014/main" id="{D9D9CCDE-2B19-487F-B173-75A0E130EE49}"/>
              </a:ext>
            </a:extLst>
          </p:cNvPr>
          <p:cNvSpPr txBox="1"/>
          <p:nvPr/>
        </p:nvSpPr>
        <p:spPr>
          <a:xfrm flipH="1">
            <a:off x="7532982" y="2890804"/>
            <a:ext cx="1320688" cy="276999"/>
          </a:xfrm>
          <a:prstGeom prst="rect">
            <a:avLst/>
          </a:prstGeom>
          <a:noFill/>
        </p:spPr>
        <p:txBody>
          <a:bodyPr wrap="square" rtlCol="0">
            <a:spAutoFit/>
          </a:bodyPr>
          <a:lstStyle/>
          <a:p>
            <a:r>
              <a:rPr lang="en-US" sz="1200" dirty="0">
                <a:solidFill>
                  <a:srgbClr val="000000"/>
                </a:solidFill>
                <a:latin typeface="Calibri" panose="020F0502020204030204" pitchFamily="34" charset="0"/>
              </a:rPr>
              <a:t>Display only</a:t>
            </a:r>
          </a:p>
        </p:txBody>
      </p:sp>
      <p:pic>
        <p:nvPicPr>
          <p:cNvPr id="53" name="Graphic 52" descr="Lightbulb and gear">
            <a:extLst>
              <a:ext uri="{FF2B5EF4-FFF2-40B4-BE49-F238E27FC236}">
                <a16:creationId xmlns:a16="http://schemas.microsoft.com/office/drawing/2014/main" id="{08B7BC48-37D9-42BE-A60E-B93C25D65954}"/>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06807" y="3855054"/>
            <a:ext cx="457053" cy="457053"/>
          </a:xfrm>
          <a:prstGeom prst="rect">
            <a:avLst/>
          </a:prstGeom>
        </p:spPr>
      </p:pic>
      <p:pic>
        <p:nvPicPr>
          <p:cNvPr id="54" name="Graphic 53" descr="Lightbulb and gear">
            <a:extLst>
              <a:ext uri="{FF2B5EF4-FFF2-40B4-BE49-F238E27FC236}">
                <a16:creationId xmlns:a16="http://schemas.microsoft.com/office/drawing/2014/main" id="{F6A9B548-EB98-4963-9187-5218100EB69E}"/>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6304369" y="2183181"/>
            <a:ext cx="457053" cy="457053"/>
          </a:xfrm>
          <a:prstGeom prst="rect">
            <a:avLst/>
          </a:prstGeom>
        </p:spPr>
      </p:pic>
    </p:spTree>
    <p:extLst>
      <p:ext uri="{BB962C8B-B14F-4D97-AF65-F5344CB8AC3E}">
        <p14:creationId xmlns:p14="http://schemas.microsoft.com/office/powerpoint/2010/main" val="3704207334"/>
      </p:ext>
    </p:extLst>
  </p:cSld>
  <p:clrMapOvr>
    <a:masterClrMapping/>
  </p:clrMapOvr>
  <p:transition>
    <p:fade/>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EBD1BB-8648-4952-9D28-1E5329011D49}"/>
              </a:ext>
            </a:extLst>
          </p:cNvPr>
          <p:cNvSpPr>
            <a:spLocks noGrp="1"/>
          </p:cNvSpPr>
          <p:nvPr>
            <p:ph type="title"/>
          </p:nvPr>
        </p:nvSpPr>
        <p:spPr/>
        <p:txBody>
          <a:bodyPr>
            <a:normAutofit/>
          </a:bodyPr>
          <a:lstStyle/>
          <a:p>
            <a:pPr algn="ctr"/>
            <a:r>
              <a:rPr lang="en-US" dirty="0"/>
              <a:t>Considerations (</a:t>
            </a:r>
            <a:r>
              <a:rPr lang="en-US" dirty="0" err="1"/>
              <a:t>MedMorph</a:t>
            </a:r>
            <a:r>
              <a:rPr lang="en-US" dirty="0"/>
              <a:t>)</a:t>
            </a:r>
          </a:p>
        </p:txBody>
      </p:sp>
      <p:sp>
        <p:nvSpPr>
          <p:cNvPr id="3" name="Content Placeholder 2">
            <a:extLst>
              <a:ext uri="{FF2B5EF4-FFF2-40B4-BE49-F238E27FC236}">
                <a16:creationId xmlns:a16="http://schemas.microsoft.com/office/drawing/2014/main" id="{E403C8ED-3C35-46DE-B09C-C2978363D693}"/>
              </a:ext>
            </a:extLst>
          </p:cNvPr>
          <p:cNvSpPr>
            <a:spLocks noGrp="1"/>
          </p:cNvSpPr>
          <p:nvPr>
            <p:ph type="body" sz="quarter" idx="10"/>
          </p:nvPr>
        </p:nvSpPr>
        <p:spPr/>
        <p:txBody>
          <a:bodyPr>
            <a:normAutofit/>
          </a:bodyPr>
          <a:lstStyle/>
          <a:p>
            <a:r>
              <a:rPr lang="en-US" dirty="0">
                <a:solidFill>
                  <a:srgbClr val="020B1C"/>
                </a:solidFill>
                <a:latin typeface="Times New Roman" panose="02020603050405020304" pitchFamily="18" charset="0"/>
                <a:cs typeface="Times New Roman" panose="02020603050405020304" pitchFamily="18" charset="0"/>
              </a:rPr>
              <a:t>Needs a human review of mortality information before finalizing in the EDRS </a:t>
            </a:r>
          </a:p>
          <a:p>
            <a:pPr marL="0" indent="0">
              <a:buNone/>
            </a:pPr>
            <a:endParaRPr lang="en-US" dirty="0">
              <a:solidFill>
                <a:srgbClr val="020B1C"/>
              </a:solidFill>
              <a:latin typeface="Times New Roman" panose="02020603050405020304" pitchFamily="18" charset="0"/>
              <a:cs typeface="Times New Roman" panose="02020603050405020304" pitchFamily="18" charset="0"/>
            </a:endParaRPr>
          </a:p>
          <a:p>
            <a:r>
              <a:rPr lang="en-US" dirty="0">
                <a:solidFill>
                  <a:srgbClr val="020B1C"/>
                </a:solidFill>
                <a:latin typeface="Times New Roman" panose="02020603050405020304" pitchFamily="18" charset="0"/>
                <a:cs typeface="Times New Roman" panose="02020603050405020304" pitchFamily="18" charset="0"/>
              </a:rPr>
              <a:t>Needs further investigation</a:t>
            </a:r>
          </a:p>
          <a:p>
            <a:pPr lvl="1"/>
            <a:r>
              <a:rPr lang="en-US" dirty="0">
                <a:solidFill>
                  <a:srgbClr val="020B1C"/>
                </a:solidFill>
                <a:latin typeface="Times New Roman" panose="02020603050405020304" pitchFamily="18" charset="0"/>
                <a:cs typeface="Times New Roman" panose="02020603050405020304" pitchFamily="18" charset="0"/>
              </a:rPr>
              <a:t>Does it improve physicians' workflow efficiency? </a:t>
            </a:r>
          </a:p>
          <a:p>
            <a:pPr lvl="1"/>
            <a:r>
              <a:rPr lang="en-US" dirty="0">
                <a:solidFill>
                  <a:srgbClr val="020B1C"/>
                </a:solidFill>
                <a:latin typeface="Times New Roman" panose="02020603050405020304" pitchFamily="18" charset="0"/>
                <a:cs typeface="Times New Roman" panose="02020603050405020304" pitchFamily="18" charset="0"/>
              </a:rPr>
              <a:t>Impact on data quality for cause of death determination? </a:t>
            </a:r>
          </a:p>
          <a:p>
            <a:pPr marL="0" indent="0">
              <a:buNone/>
            </a:pPr>
            <a:endParaRPr lang="en-US" dirty="0">
              <a:solidFill>
                <a:srgbClr val="020B1C"/>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4217496679"/>
      </p:ext>
    </p:extLst>
  </p:cSld>
  <p:clrMapOvr>
    <a:masterClrMapping/>
  </p:clrMapOvr>
  <p:transition>
    <p:fade/>
  </p:transition>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770094F-1DE6-4AF1-88C6-26BEC6BD8AEE}"/>
              </a:ext>
            </a:extLst>
          </p:cNvPr>
          <p:cNvSpPr>
            <a:spLocks noGrp="1"/>
          </p:cNvSpPr>
          <p:nvPr>
            <p:ph type="title"/>
          </p:nvPr>
        </p:nvSpPr>
        <p:spPr>
          <a:xfrm>
            <a:off x="0" y="264793"/>
            <a:ext cx="10972800" cy="1143000"/>
          </a:xfrm>
        </p:spPr>
        <p:txBody>
          <a:bodyPr/>
          <a:lstStyle/>
          <a:p>
            <a:r>
              <a:rPr lang="en-US" sz="3200" dirty="0">
                <a:latin typeface="Times New Roman" panose="02020603050405020304" pitchFamily="18" charset="0"/>
                <a:ea typeface="+mn-ea"/>
                <a:cs typeface="Times New Roman" panose="02020603050405020304" pitchFamily="18" charset="0"/>
              </a:rPr>
              <a:t>										</a:t>
            </a:r>
            <a:br>
              <a:rPr lang="en-US" sz="3200" dirty="0">
                <a:latin typeface="Times New Roman" panose="02020603050405020304" pitchFamily="18" charset="0"/>
                <a:ea typeface="+mn-ea"/>
                <a:cs typeface="Times New Roman" panose="02020603050405020304" pitchFamily="18" charset="0"/>
              </a:rPr>
            </a:br>
            <a:r>
              <a:rPr lang="en-US" sz="3200" dirty="0">
                <a:latin typeface="Times New Roman" panose="02020603050405020304" pitchFamily="18" charset="0"/>
                <a:ea typeface="+mn-ea"/>
                <a:cs typeface="Times New Roman" panose="02020603050405020304" pitchFamily="18" charset="0"/>
              </a:rPr>
              <a:t>	</a:t>
            </a:r>
            <a:r>
              <a:rPr lang="en-US" dirty="0"/>
              <a:t>USCDI and Death Certificate Data Elements</a:t>
            </a:r>
          </a:p>
        </p:txBody>
      </p:sp>
      <p:graphicFrame>
        <p:nvGraphicFramePr>
          <p:cNvPr id="4" name="Table 3">
            <a:extLst>
              <a:ext uri="{FF2B5EF4-FFF2-40B4-BE49-F238E27FC236}">
                <a16:creationId xmlns:a16="http://schemas.microsoft.com/office/drawing/2014/main" id="{C56DC54F-1041-465D-8F5F-16F6DBF93C72}"/>
              </a:ext>
            </a:extLst>
          </p:cNvPr>
          <p:cNvGraphicFramePr>
            <a:graphicFrameLocks noGrp="1"/>
          </p:cNvGraphicFramePr>
          <p:nvPr>
            <p:extLst>
              <p:ext uri="{D42A27DB-BD31-4B8C-83A1-F6EECF244321}">
                <p14:modId xmlns:p14="http://schemas.microsoft.com/office/powerpoint/2010/main" val="3472808535"/>
              </p:ext>
            </p:extLst>
          </p:nvPr>
        </p:nvGraphicFramePr>
        <p:xfrm>
          <a:off x="910167" y="1840428"/>
          <a:ext cx="10371668" cy="4368921"/>
        </p:xfrm>
        <a:graphic>
          <a:graphicData uri="http://schemas.openxmlformats.org/drawingml/2006/table">
            <a:tbl>
              <a:tblPr firstRow="1" bandRow="1">
                <a:tableStyleId>{5C22544A-7EE6-4342-B048-85BDC9FD1C3A}</a:tableStyleId>
              </a:tblPr>
              <a:tblGrid>
                <a:gridCol w="1347475">
                  <a:extLst>
                    <a:ext uri="{9D8B030D-6E8A-4147-A177-3AD203B41FA5}">
                      <a16:colId xmlns:a16="http://schemas.microsoft.com/office/drawing/2014/main" val="1847566772"/>
                    </a:ext>
                  </a:extLst>
                </a:gridCol>
                <a:gridCol w="2047659">
                  <a:extLst>
                    <a:ext uri="{9D8B030D-6E8A-4147-A177-3AD203B41FA5}">
                      <a16:colId xmlns:a16="http://schemas.microsoft.com/office/drawing/2014/main" val="1765107012"/>
                    </a:ext>
                  </a:extLst>
                </a:gridCol>
                <a:gridCol w="2742293">
                  <a:extLst>
                    <a:ext uri="{9D8B030D-6E8A-4147-A177-3AD203B41FA5}">
                      <a16:colId xmlns:a16="http://schemas.microsoft.com/office/drawing/2014/main" val="2920824464"/>
                    </a:ext>
                  </a:extLst>
                </a:gridCol>
                <a:gridCol w="4234241">
                  <a:extLst>
                    <a:ext uri="{9D8B030D-6E8A-4147-A177-3AD203B41FA5}">
                      <a16:colId xmlns:a16="http://schemas.microsoft.com/office/drawing/2014/main" val="4340496"/>
                    </a:ext>
                  </a:extLst>
                </a:gridCol>
              </a:tblGrid>
              <a:tr h="619881">
                <a:tc>
                  <a:txBody>
                    <a:bodyPr/>
                    <a:lstStyle/>
                    <a:p>
                      <a:pPr marL="0" algn="ctr"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VRDR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lumMod val="65000"/>
                      </a:schemeClr>
                    </a:solidFill>
                  </a:tcPr>
                </a:tc>
                <a:tc>
                  <a:txBody>
                    <a:bodyPr/>
                    <a:lstStyle/>
                    <a:p>
                      <a:pPr marL="0" algn="ctr"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Data Classes In USCDI</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lumMod val="65000"/>
                      </a:schemeClr>
                    </a:solidFill>
                  </a:tcPr>
                </a:tc>
                <a:tc>
                  <a:txBody>
                    <a:bodyPr/>
                    <a:lstStyle/>
                    <a:p>
                      <a:pPr marL="0" algn="ctr"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Data Elements  in the Death Certificate and USCDI</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lumMod val="65000"/>
                      </a:schemeClr>
                    </a:solidFill>
                  </a:tcPr>
                </a:tc>
                <a:tc>
                  <a:txBody>
                    <a:bodyPr/>
                    <a:lstStyle/>
                    <a:p>
                      <a:pPr marL="0" algn="ctr"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Data Elements in the Death Certificate and not in USCDI</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lumMod val="65000"/>
                      </a:schemeClr>
                    </a:solidFill>
                  </a:tcPr>
                </a:tc>
                <a:extLst>
                  <a:ext uri="{0D108BD9-81ED-4DB2-BD59-A6C34878D82A}">
                    <a16:rowId xmlns:a16="http://schemas.microsoft.com/office/drawing/2014/main" val="3943139107"/>
                  </a:ext>
                </a:extLst>
              </a:tr>
              <a:tr h="3749040">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Decedent </a:t>
                      </a:r>
                    </a:p>
                    <a:p>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US Core patient profile)</a:t>
                      </a:r>
                    </a:p>
                    <a:p>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Demographic Informa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solidFill>
                  </a:tcPr>
                </a:tc>
                <a:tc>
                  <a:txBody>
                    <a:bodyPr/>
                    <a:lstStyle/>
                    <a:p>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Patient demographic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solidFill>
                  </a:tcPr>
                </a:tc>
                <a:tc>
                  <a:txBody>
                    <a:bodyPr/>
                    <a:lstStyle/>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First Name</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Last Name</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Previous Name </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Middle Name (incl Middle Initial) </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Suffix</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Birth Sex</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Date of Birth</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Race</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Ethnicity</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Preferred Language</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Current Address</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Previous Address</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Phone Number</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Phone Number Type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solidFill>
                  </a:tcPr>
                </a:tc>
                <a:tc>
                  <a:txBody>
                    <a:bodyPr/>
                    <a:lstStyle/>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Age</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Birthplace</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Inside City Limits</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Ever in Armed Forces</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Marital Status at time of death</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Surviving Spouse’s Name</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Father’s Name</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Education</a:t>
                      </a:r>
                    </a:p>
                    <a:p>
                      <a:pPr marL="0" indent="0">
                        <a:buFont typeface="Arial" panose="020B0604020202020204" pitchFamily="34" charset="0"/>
                        <a:buNone/>
                      </a:pPr>
                      <a:r>
                        <a:rPr lang="en-US" sz="1600" b="0" i="0" baseline="0" dirty="0">
                          <a:ln>
                            <a:solidFill>
                              <a:schemeClr val="accent6"/>
                            </a:solidFill>
                          </a:ln>
                          <a:solidFill>
                            <a:srgbClr val="020B1C"/>
                          </a:solidFill>
                          <a:latin typeface="Times New Roman" panose="02020603050405020304" pitchFamily="18" charset="0"/>
                          <a:cs typeface="Times New Roman" panose="02020603050405020304" pitchFamily="18" charset="0"/>
                        </a:rPr>
                        <a:t>Usual occupa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solidFill>
                  </a:tcPr>
                </a:tc>
                <a:extLst>
                  <a:ext uri="{0D108BD9-81ED-4DB2-BD59-A6C34878D82A}">
                    <a16:rowId xmlns:a16="http://schemas.microsoft.com/office/drawing/2014/main" val="894930985"/>
                  </a:ext>
                </a:extLst>
              </a:tr>
            </a:tbl>
          </a:graphicData>
        </a:graphic>
      </p:graphicFrame>
    </p:spTree>
    <p:extLst>
      <p:ext uri="{BB962C8B-B14F-4D97-AF65-F5344CB8AC3E}">
        <p14:creationId xmlns:p14="http://schemas.microsoft.com/office/powerpoint/2010/main" val="2057568090"/>
      </p:ext>
    </p:extLst>
  </p:cSld>
  <p:clrMapOvr>
    <a:masterClrMapping/>
  </p:clrMapOvr>
  <p:transition>
    <p:fade/>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310237-680D-483C-B589-438FFCE4F440}"/>
              </a:ext>
            </a:extLst>
          </p:cNvPr>
          <p:cNvSpPr>
            <a:spLocks noGrp="1"/>
          </p:cNvSpPr>
          <p:nvPr>
            <p:ph type="title"/>
          </p:nvPr>
        </p:nvSpPr>
        <p:spPr>
          <a:xfrm>
            <a:off x="609600" y="-395921"/>
            <a:ext cx="10972800" cy="1143000"/>
          </a:xfrm>
        </p:spPr>
        <p:txBody>
          <a:bodyPr/>
          <a:lstStyle/>
          <a:p>
            <a:pPr algn="ctr"/>
            <a:r>
              <a:rPr lang="en-US" dirty="0"/>
              <a:t>Death Certificate Date Elements not in USCDI</a:t>
            </a:r>
          </a:p>
        </p:txBody>
      </p:sp>
      <p:graphicFrame>
        <p:nvGraphicFramePr>
          <p:cNvPr id="4" name="Table 4">
            <a:extLst>
              <a:ext uri="{FF2B5EF4-FFF2-40B4-BE49-F238E27FC236}">
                <a16:creationId xmlns:a16="http://schemas.microsoft.com/office/drawing/2014/main" id="{810733FD-2FB3-4A21-8361-D716056EC672}"/>
              </a:ext>
            </a:extLst>
          </p:cNvPr>
          <p:cNvGraphicFramePr>
            <a:graphicFrameLocks noGrp="1"/>
          </p:cNvGraphicFramePr>
          <p:nvPr>
            <p:ph idx="4294967295"/>
            <p:extLst>
              <p:ext uri="{D42A27DB-BD31-4B8C-83A1-F6EECF244321}">
                <p14:modId xmlns:p14="http://schemas.microsoft.com/office/powerpoint/2010/main" val="3094501667"/>
              </p:ext>
            </p:extLst>
          </p:nvPr>
        </p:nvGraphicFramePr>
        <p:xfrm>
          <a:off x="527901" y="964008"/>
          <a:ext cx="11375010" cy="5627528"/>
        </p:xfrm>
        <a:graphic>
          <a:graphicData uri="http://schemas.openxmlformats.org/drawingml/2006/table">
            <a:tbl>
              <a:tblPr firstRow="1" bandRow="1">
                <a:tableStyleId>{5C22544A-7EE6-4342-B048-85BDC9FD1C3A}</a:tableStyleId>
              </a:tblPr>
              <a:tblGrid>
                <a:gridCol w="3620432">
                  <a:extLst>
                    <a:ext uri="{9D8B030D-6E8A-4147-A177-3AD203B41FA5}">
                      <a16:colId xmlns:a16="http://schemas.microsoft.com/office/drawing/2014/main" val="1069348377"/>
                    </a:ext>
                  </a:extLst>
                </a:gridCol>
                <a:gridCol w="2285809">
                  <a:extLst>
                    <a:ext uri="{9D8B030D-6E8A-4147-A177-3AD203B41FA5}">
                      <a16:colId xmlns:a16="http://schemas.microsoft.com/office/drawing/2014/main" val="2016262668"/>
                    </a:ext>
                  </a:extLst>
                </a:gridCol>
                <a:gridCol w="5468769">
                  <a:extLst>
                    <a:ext uri="{9D8B030D-6E8A-4147-A177-3AD203B41FA5}">
                      <a16:colId xmlns:a16="http://schemas.microsoft.com/office/drawing/2014/main" val="4094499506"/>
                    </a:ext>
                  </a:extLst>
                </a:gridCol>
              </a:tblGrid>
              <a:tr h="720248">
                <a:tc>
                  <a:txBody>
                    <a:bodyPr/>
                    <a:lstStyle/>
                    <a:p>
                      <a:pPr marL="0" algn="ctr" defTabSz="914400" rtl="0" eaLnBrk="1" latinLnBrk="0" hangingPunct="1"/>
                      <a:r>
                        <a:rPr lang="en-US" sz="1600" b="0" i="0" kern="1200" baseline="0" dirty="0">
                          <a:ln>
                            <a:solidFill>
                              <a:schemeClr val="accent6"/>
                            </a:solidFill>
                          </a:ln>
                          <a:solidFill>
                            <a:srgbClr val="020B1C"/>
                          </a:solidFill>
                          <a:latin typeface="Calibri" panose="020F0502020204030204" pitchFamily="34" charset="0"/>
                          <a:ea typeface="+mn-ea"/>
                          <a:cs typeface="+mn-cs"/>
                        </a:rPr>
                        <a:t>VRDR </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lumMod val="75000"/>
                      </a:schemeClr>
                    </a:solidFill>
                  </a:tcPr>
                </a:tc>
                <a:tc>
                  <a:txBody>
                    <a:bodyPr/>
                    <a:lstStyle/>
                    <a:p>
                      <a:pPr marL="0" algn="ctr" defTabSz="914400" rtl="0" eaLnBrk="1" latinLnBrk="0" hangingPunct="1"/>
                      <a:r>
                        <a:rPr lang="en-US" sz="1600" b="0" i="0" kern="1200" baseline="0" dirty="0">
                          <a:ln>
                            <a:solidFill>
                              <a:schemeClr val="accent6"/>
                            </a:solidFill>
                          </a:ln>
                          <a:solidFill>
                            <a:srgbClr val="020B1C"/>
                          </a:solidFill>
                          <a:latin typeface="Calibri" panose="020F0502020204030204" pitchFamily="34" charset="0"/>
                          <a:ea typeface="+mn-ea"/>
                          <a:cs typeface="+mn-cs"/>
                        </a:rPr>
                        <a:t>Data Class/Element in USCDI?</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lumMod val="75000"/>
                      </a:schemeClr>
                    </a:solidFill>
                  </a:tcPr>
                </a:tc>
                <a:tc>
                  <a:txBody>
                    <a:bodyPr/>
                    <a:lstStyle/>
                    <a:p>
                      <a:pPr marL="0" algn="ctr" defTabSz="914400" rtl="0" eaLnBrk="1" latinLnBrk="0" hangingPunct="1"/>
                      <a:r>
                        <a:rPr lang="en-US" sz="1600" b="0" i="0" kern="1200" baseline="0" dirty="0">
                          <a:ln>
                            <a:solidFill>
                              <a:schemeClr val="accent6"/>
                            </a:solidFill>
                          </a:ln>
                          <a:solidFill>
                            <a:srgbClr val="020B1C"/>
                          </a:solidFill>
                          <a:latin typeface="Calibri" panose="020F0502020204030204" pitchFamily="34" charset="0"/>
                          <a:ea typeface="+mn-ea"/>
                          <a:cs typeface="+mn-cs"/>
                        </a:rPr>
                        <a:t>Future additions to USCDI </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2">
                        <a:lumMod val="75000"/>
                      </a:schemeClr>
                    </a:solidFill>
                  </a:tcPr>
                </a:tc>
                <a:extLst>
                  <a:ext uri="{0D108BD9-81ED-4DB2-BD59-A6C34878D82A}">
                    <a16:rowId xmlns:a16="http://schemas.microsoft.com/office/drawing/2014/main" val="3455514726"/>
                  </a:ext>
                </a:extLst>
              </a:tr>
              <a:tr h="579120">
                <a:tc>
                  <a:txBody>
                    <a:bodyPr/>
                    <a:lstStyle/>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Pregnancy</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No</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LOINC standard that would capture pregnancy (69442-2) to populate death certificate</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888640139"/>
                  </a:ext>
                </a:extLst>
              </a:tr>
              <a:tr h="2042160">
                <a:tc>
                  <a:txBody>
                    <a:bodyPr/>
                    <a:lstStyle/>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Decedent </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US Core patient profile)</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Demographic Information</a:t>
                      </a:r>
                    </a:p>
                    <a:p>
                      <a:pPr marL="0" algn="l" defTabSz="914400" rtl="0" eaLnBrk="1" latinLnBrk="0" hangingPunct="1"/>
                      <a:endPar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endParaRP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Yes, Patient demographics</a:t>
                      </a:r>
                    </a:p>
                    <a:p>
                      <a:pPr marL="0" algn="l" defTabSz="914400" rtl="0" eaLnBrk="1" latinLnBrk="0" hangingPunct="1"/>
                      <a:endPar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endParaRP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indent="0" algn="l" defTabSz="914400" rtl="0" eaLnBrk="1" latinLnBrk="0" hangingPunct="1">
                        <a:buFont typeface="Arial" panose="020B0604020202020204" pitchFamily="34" charset="0"/>
                        <a:buNone/>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Birthplace</a:t>
                      </a:r>
                    </a:p>
                    <a:p>
                      <a:pPr marL="0" indent="0" algn="l" defTabSz="914400" rtl="0" eaLnBrk="1" latinLnBrk="0" hangingPunct="1">
                        <a:buFont typeface="Arial" panose="020B0604020202020204" pitchFamily="34" charset="0"/>
                        <a:buNone/>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Inside City Limits</a:t>
                      </a:r>
                    </a:p>
                    <a:p>
                      <a:pPr marL="0" indent="0" algn="l" defTabSz="914400" rtl="0" eaLnBrk="1" latinLnBrk="0" hangingPunct="1">
                        <a:buFont typeface="Arial" panose="020B0604020202020204" pitchFamily="34" charset="0"/>
                        <a:buNone/>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Ever in Armed Forces</a:t>
                      </a:r>
                    </a:p>
                    <a:p>
                      <a:pPr marL="0" indent="0" algn="l" defTabSz="914400" rtl="0" eaLnBrk="1" latinLnBrk="0" hangingPunct="1">
                        <a:buFont typeface="Arial" panose="020B0604020202020204" pitchFamily="34" charset="0"/>
                        <a:buNone/>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Marital Status at time of death</a:t>
                      </a:r>
                    </a:p>
                    <a:p>
                      <a:pPr marL="0" indent="0" algn="l" defTabSz="914400" rtl="0" eaLnBrk="1" latinLnBrk="0" hangingPunct="1">
                        <a:buFont typeface="Arial" panose="020B0604020202020204" pitchFamily="34" charset="0"/>
                        <a:buNone/>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Surviving Spouse’s Name</a:t>
                      </a:r>
                    </a:p>
                    <a:p>
                      <a:pPr marL="0" indent="0" algn="l" defTabSz="914400" rtl="0" eaLnBrk="1" latinLnBrk="0" hangingPunct="1">
                        <a:buFont typeface="Arial" panose="020B0604020202020204" pitchFamily="34" charset="0"/>
                        <a:buNone/>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Father’s Name</a:t>
                      </a:r>
                    </a:p>
                    <a:p>
                      <a:pPr marL="0" indent="0" algn="l" defTabSz="914400" rtl="0" eaLnBrk="1" latinLnBrk="0" hangingPunct="1">
                        <a:buFont typeface="Arial" panose="020B0604020202020204" pitchFamily="34" charset="0"/>
                        <a:buNone/>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Education</a:t>
                      </a:r>
                    </a:p>
                    <a:p>
                      <a:pPr marL="0" indent="0" algn="l" defTabSz="914400" rtl="0" eaLnBrk="1" latinLnBrk="0" hangingPunct="1">
                        <a:buFont typeface="Arial" panose="020B0604020202020204" pitchFamily="34" charset="0"/>
                        <a:buNone/>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Usual occupation</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886538164"/>
                  </a:ext>
                </a:extLst>
              </a:tr>
              <a:tr h="2286000">
                <a:tc>
                  <a:txBody>
                    <a:bodyPr/>
                    <a:lstStyle/>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Date Pronounced Dead,</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Time Pronounced Dead,</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Actual or Presumed Date of Death,</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Actual or presumed time of Death,</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Cause of death (part I and II),</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Autopsy performed, Injury,</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Manner of death,</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Place of Death</a:t>
                      </a:r>
                    </a:p>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Did tobacco contribute to death</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algn="l" defTabSz="914400" rtl="0" eaLnBrk="1" latinLnBrk="0" hangingPunct="1"/>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No</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marL="0" indent="-342900" algn="l" defTabSz="914400" rtl="0" eaLnBrk="1" latinLnBrk="0" hangingPunct="1">
                        <a:buAutoNum type="arabicPeriod"/>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Include individual data elements listed OR</a:t>
                      </a:r>
                    </a:p>
                    <a:p>
                      <a:pPr marL="0" indent="-342900" algn="l" defTabSz="914400" rtl="0" eaLnBrk="1" latinLnBrk="0" hangingPunct="1">
                        <a:buAutoNum type="arabicPeriod"/>
                      </a:pPr>
                      <a:r>
                        <a:rPr lang="en-US" sz="1600" b="0" i="0" kern="1200" baseline="0" dirty="0">
                          <a:ln>
                            <a:solidFill>
                              <a:schemeClr val="accent6"/>
                            </a:solidFill>
                          </a:ln>
                          <a:solidFill>
                            <a:srgbClr val="020B1C"/>
                          </a:solidFill>
                          <a:latin typeface="Times New Roman" panose="02020603050405020304" pitchFamily="18" charset="0"/>
                          <a:ea typeface="+mn-ea"/>
                          <a:cs typeface="Times New Roman" panose="02020603050405020304" pitchFamily="18" charset="0"/>
                        </a:rPr>
                        <a:t>Include new data element ‘Death Note’ under clinical notes in the USCDI. Robust clinical information related to the death may be captured in the discharge summary and the death note that can inform cause of death.</a:t>
                      </a:r>
                    </a:p>
                  </a:txBody>
                  <a:tcPr marL="91329" marR="91329">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060302869"/>
                  </a:ext>
                </a:extLst>
              </a:tr>
            </a:tbl>
          </a:graphicData>
        </a:graphic>
      </p:graphicFrame>
    </p:spTree>
    <p:extLst>
      <p:ext uri="{BB962C8B-B14F-4D97-AF65-F5344CB8AC3E}">
        <p14:creationId xmlns:p14="http://schemas.microsoft.com/office/powerpoint/2010/main" val="3360188277"/>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Title 45">
            <a:extLst>
              <a:ext uri="{FF2B5EF4-FFF2-40B4-BE49-F238E27FC236}">
                <a16:creationId xmlns:a16="http://schemas.microsoft.com/office/drawing/2014/main" id="{8A283EC6-45C2-4BA3-AD4C-95051E2A15FA}"/>
              </a:ext>
            </a:extLst>
          </p:cNvPr>
          <p:cNvSpPr>
            <a:spLocks noGrp="1"/>
          </p:cNvSpPr>
          <p:nvPr>
            <p:ph type="title"/>
          </p:nvPr>
        </p:nvSpPr>
        <p:spPr>
          <a:xfrm>
            <a:off x="214489" y="146062"/>
            <a:ext cx="9836547" cy="692139"/>
          </a:xfrm>
        </p:spPr>
        <p:txBody>
          <a:bodyPr>
            <a:noAutofit/>
          </a:bodyPr>
          <a:lstStyle/>
          <a:p>
            <a:pPr fontAlgn="base">
              <a:spcAft>
                <a:spcPct val="0"/>
              </a:spcAft>
            </a:pPr>
            <a:r>
              <a:rPr lang="en-US" sz="3600" b="0" dirty="0">
                <a:ea typeface="ＭＳ Ｐゴシック" charset="0"/>
                <a:cs typeface="Arial" pitchFamily="34" charset="0"/>
              </a:rPr>
              <a:t>Timeline: MedMorph Activities &amp; IG Balloting</a:t>
            </a:r>
          </a:p>
        </p:txBody>
      </p:sp>
      <p:grpSp>
        <p:nvGrpSpPr>
          <p:cNvPr id="7" name="Group 6">
            <a:extLst>
              <a:ext uri="{FF2B5EF4-FFF2-40B4-BE49-F238E27FC236}">
                <a16:creationId xmlns:a16="http://schemas.microsoft.com/office/drawing/2014/main" id="{062B9372-DDEC-4ACA-B193-9E8EB2793AAD}"/>
              </a:ext>
            </a:extLst>
          </p:cNvPr>
          <p:cNvGrpSpPr/>
          <p:nvPr/>
        </p:nvGrpSpPr>
        <p:grpSpPr>
          <a:xfrm>
            <a:off x="112890" y="1221605"/>
            <a:ext cx="11966220" cy="5190478"/>
            <a:chOff x="1684318" y="1379650"/>
            <a:chExt cx="9375037" cy="4515936"/>
          </a:xfrm>
        </p:grpSpPr>
        <p:graphicFrame>
          <p:nvGraphicFramePr>
            <p:cNvPr id="6" name="Diagram 5">
              <a:extLst>
                <a:ext uri="{FF2B5EF4-FFF2-40B4-BE49-F238E27FC236}">
                  <a16:creationId xmlns:a16="http://schemas.microsoft.com/office/drawing/2014/main" id="{6F6DE301-C02E-4466-83AA-FFED2830E5BD}"/>
                </a:ext>
              </a:extLst>
            </p:cNvPr>
            <p:cNvGraphicFramePr/>
            <p:nvPr/>
          </p:nvGraphicFramePr>
          <p:xfrm>
            <a:off x="1764982" y="1379650"/>
            <a:ext cx="9196307" cy="128587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cxnSp>
          <p:nvCxnSpPr>
            <p:cNvPr id="11" name="Straight Connector 10">
              <a:extLst>
                <a:ext uri="{FF2B5EF4-FFF2-40B4-BE49-F238E27FC236}">
                  <a16:creationId xmlns:a16="http://schemas.microsoft.com/office/drawing/2014/main" id="{54D92894-8B99-4768-B36B-ABEDDF1788AA}"/>
                </a:ext>
              </a:extLst>
            </p:cNvPr>
            <p:cNvCxnSpPr/>
            <p:nvPr/>
          </p:nvCxnSpPr>
          <p:spPr>
            <a:xfrm>
              <a:off x="1944052" y="2969119"/>
              <a:ext cx="2372678" cy="0"/>
            </a:xfrm>
            <a:prstGeom prst="line">
              <a:avLst/>
            </a:prstGeom>
            <a:ln w="44450">
              <a:tailEnd type="oval"/>
            </a:ln>
          </p:spPr>
          <p:style>
            <a:lnRef idx="1">
              <a:schemeClr val="accent1"/>
            </a:lnRef>
            <a:fillRef idx="0">
              <a:schemeClr val="accent1"/>
            </a:fillRef>
            <a:effectRef idx="0">
              <a:schemeClr val="accent1"/>
            </a:effectRef>
            <a:fontRef idx="minor">
              <a:schemeClr val="tx1"/>
            </a:fontRef>
          </p:style>
        </p:cxnSp>
        <p:sp>
          <p:nvSpPr>
            <p:cNvPr id="12" name="Rectangle 11">
              <a:extLst>
                <a:ext uri="{FF2B5EF4-FFF2-40B4-BE49-F238E27FC236}">
                  <a16:creationId xmlns:a16="http://schemas.microsoft.com/office/drawing/2014/main" id="{4F8DB615-9616-43A1-AB1A-70E3DAF7357D}"/>
                </a:ext>
              </a:extLst>
            </p:cNvPr>
            <p:cNvSpPr/>
            <p:nvPr/>
          </p:nvSpPr>
          <p:spPr>
            <a:xfrm>
              <a:off x="2049780" y="3032062"/>
              <a:ext cx="2141220" cy="278606"/>
            </a:xfrm>
            <a:prstGeom prst="rect">
              <a:avLst/>
            </a:prstGeom>
            <a:solidFill>
              <a:schemeClr val="accent2">
                <a:lumMod val="40000"/>
                <a:lumOff val="60000"/>
              </a:schemeClr>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r>
                <a:rPr lang="en-US" sz="825" b="1" dirty="0">
                  <a:solidFill>
                    <a:srgbClr val="002060"/>
                  </a:solidFill>
                  <a:latin typeface="Calibri" panose="020F0502020204030204"/>
                </a:rPr>
                <a:t>MedMorph Use Case Development</a:t>
              </a:r>
            </a:p>
          </p:txBody>
        </p:sp>
        <p:grpSp>
          <p:nvGrpSpPr>
            <p:cNvPr id="8" name="Group 7">
              <a:extLst>
                <a:ext uri="{FF2B5EF4-FFF2-40B4-BE49-F238E27FC236}">
                  <a16:creationId xmlns:a16="http://schemas.microsoft.com/office/drawing/2014/main" id="{BDD34843-C8F6-6F45-9D5B-B48CE5316C56}"/>
                </a:ext>
              </a:extLst>
            </p:cNvPr>
            <p:cNvGrpSpPr/>
            <p:nvPr/>
          </p:nvGrpSpPr>
          <p:grpSpPr>
            <a:xfrm>
              <a:off x="4316730" y="3378570"/>
              <a:ext cx="1397435" cy="468574"/>
              <a:chOff x="3723640" y="2661920"/>
              <a:chExt cx="1863247" cy="624765"/>
            </a:xfrm>
          </p:grpSpPr>
          <p:sp>
            <p:nvSpPr>
              <p:cNvPr id="15" name="Rectangle 14">
                <a:extLst>
                  <a:ext uri="{FF2B5EF4-FFF2-40B4-BE49-F238E27FC236}">
                    <a16:creationId xmlns:a16="http://schemas.microsoft.com/office/drawing/2014/main" id="{5CC4E2F3-BD3F-4789-87F6-F4E90A9217E8}"/>
                  </a:ext>
                </a:extLst>
              </p:cNvPr>
              <p:cNvSpPr/>
              <p:nvPr/>
            </p:nvSpPr>
            <p:spPr>
              <a:xfrm>
                <a:off x="3723640" y="2730187"/>
                <a:ext cx="1863247" cy="556498"/>
              </a:xfrm>
              <a:prstGeom prst="rect">
                <a:avLst/>
              </a:prstGeom>
              <a:solidFill>
                <a:schemeClr val="accent2">
                  <a:lumMod val="40000"/>
                  <a:lumOff val="60000"/>
                </a:schemeClr>
              </a:solidFill>
              <a:ln>
                <a:solidFill>
                  <a:schemeClr val="accent2">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srgbClr val="002060"/>
                    </a:solidFill>
                    <a:latin typeface="Calibri" panose="020F0502020204030204"/>
                  </a:rPr>
                  <a:t>End to End Use Case Review</a:t>
                </a:r>
              </a:p>
            </p:txBody>
          </p:sp>
          <p:cxnSp>
            <p:nvCxnSpPr>
              <p:cNvPr id="17" name="Straight Connector 16">
                <a:extLst>
                  <a:ext uri="{FF2B5EF4-FFF2-40B4-BE49-F238E27FC236}">
                    <a16:creationId xmlns:a16="http://schemas.microsoft.com/office/drawing/2014/main" id="{9827DB63-5A81-4512-8F41-81B9694C7BC0}"/>
                  </a:ext>
                </a:extLst>
              </p:cNvPr>
              <p:cNvCxnSpPr>
                <a:cxnSpLocks/>
              </p:cNvCxnSpPr>
              <p:nvPr/>
            </p:nvCxnSpPr>
            <p:spPr>
              <a:xfrm>
                <a:off x="3723640" y="2661920"/>
                <a:ext cx="1863247" cy="0"/>
              </a:xfrm>
              <a:prstGeom prst="line">
                <a:avLst/>
              </a:prstGeom>
              <a:ln w="44450">
                <a:tailEnd type="oval"/>
              </a:ln>
            </p:spPr>
            <p:style>
              <a:lnRef idx="1">
                <a:schemeClr val="accent1"/>
              </a:lnRef>
              <a:fillRef idx="0">
                <a:schemeClr val="accent1"/>
              </a:fillRef>
              <a:effectRef idx="0">
                <a:schemeClr val="accent1"/>
              </a:effectRef>
              <a:fontRef idx="minor">
                <a:schemeClr val="tx1"/>
              </a:fontRef>
            </p:style>
          </p:cxnSp>
        </p:grpSp>
        <p:sp>
          <p:nvSpPr>
            <p:cNvPr id="19" name="Rectangle 18">
              <a:extLst>
                <a:ext uri="{FF2B5EF4-FFF2-40B4-BE49-F238E27FC236}">
                  <a16:creationId xmlns:a16="http://schemas.microsoft.com/office/drawing/2014/main" id="{B3480ED1-0EC9-4105-9461-BB2153BC26C3}"/>
                </a:ext>
              </a:extLst>
            </p:cNvPr>
            <p:cNvSpPr/>
            <p:nvPr/>
          </p:nvSpPr>
          <p:spPr>
            <a:xfrm>
              <a:off x="5452914" y="3956560"/>
              <a:ext cx="759724" cy="417374"/>
            </a:xfrm>
            <a:prstGeom prst="rect">
              <a:avLst/>
            </a:prstGeom>
            <a:solidFill>
              <a:schemeClr val="accent2">
                <a:lumMod val="40000"/>
                <a:lumOff val="60000"/>
              </a:schemeClr>
            </a:solidFill>
            <a:ln>
              <a:solidFill>
                <a:schemeClr val="accent2">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srgbClr val="002060"/>
                  </a:solidFill>
                  <a:latin typeface="Calibri" panose="020F0502020204030204"/>
                </a:rPr>
                <a:t>Finalize Use Cases</a:t>
              </a:r>
            </a:p>
          </p:txBody>
        </p:sp>
        <p:cxnSp>
          <p:nvCxnSpPr>
            <p:cNvPr id="20" name="Straight Connector 19">
              <a:extLst>
                <a:ext uri="{FF2B5EF4-FFF2-40B4-BE49-F238E27FC236}">
                  <a16:creationId xmlns:a16="http://schemas.microsoft.com/office/drawing/2014/main" id="{800E8F89-4112-4A1A-A39B-DC10F73A0491}"/>
                </a:ext>
              </a:extLst>
            </p:cNvPr>
            <p:cNvCxnSpPr>
              <a:cxnSpLocks/>
            </p:cNvCxnSpPr>
            <p:nvPr/>
          </p:nvCxnSpPr>
          <p:spPr>
            <a:xfrm>
              <a:off x="5469710" y="3912133"/>
              <a:ext cx="492100" cy="0"/>
            </a:xfrm>
            <a:prstGeom prst="line">
              <a:avLst/>
            </a:prstGeom>
            <a:ln w="44450">
              <a:tailEnd type="ova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CA4430C1-FD5B-48DA-8745-BF77D767DFB0}"/>
                </a:ext>
              </a:extLst>
            </p:cNvPr>
            <p:cNvCxnSpPr>
              <a:cxnSpLocks/>
            </p:cNvCxnSpPr>
            <p:nvPr/>
          </p:nvCxnSpPr>
          <p:spPr>
            <a:xfrm>
              <a:off x="3972046" y="4459499"/>
              <a:ext cx="3673381" cy="0"/>
            </a:xfrm>
            <a:prstGeom prst="line">
              <a:avLst/>
            </a:prstGeom>
            <a:ln w="44450">
              <a:tailEnd type="oval"/>
            </a:ln>
          </p:spPr>
          <p:style>
            <a:lnRef idx="1">
              <a:schemeClr val="accent1"/>
            </a:lnRef>
            <a:fillRef idx="0">
              <a:schemeClr val="accent1"/>
            </a:fillRef>
            <a:effectRef idx="0">
              <a:schemeClr val="accent1"/>
            </a:effectRef>
            <a:fontRef idx="minor">
              <a:schemeClr val="tx1"/>
            </a:fontRef>
          </p:style>
        </p:cxnSp>
        <p:sp>
          <p:nvSpPr>
            <p:cNvPr id="27" name="Rectangle 26">
              <a:extLst>
                <a:ext uri="{FF2B5EF4-FFF2-40B4-BE49-F238E27FC236}">
                  <a16:creationId xmlns:a16="http://schemas.microsoft.com/office/drawing/2014/main" id="{503BE97E-5DA1-4807-9705-C7C8AC109F09}"/>
                </a:ext>
              </a:extLst>
            </p:cNvPr>
            <p:cNvSpPr/>
            <p:nvPr/>
          </p:nvSpPr>
          <p:spPr>
            <a:xfrm>
              <a:off x="3972047" y="4517620"/>
              <a:ext cx="3440727" cy="493569"/>
            </a:xfrm>
            <a:prstGeom prst="rect">
              <a:avLst/>
            </a:prstGeom>
            <a:solidFill>
              <a:schemeClr val="accent2">
                <a:lumMod val="40000"/>
                <a:lumOff val="60000"/>
              </a:schemeClr>
            </a:solidFill>
            <a:ln>
              <a:solidFill>
                <a:schemeClr val="accent2">
                  <a:lumMod val="40000"/>
                  <a:lumOff val="6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srgbClr val="002060"/>
                  </a:solidFill>
                  <a:latin typeface="Calibri" panose="020F0502020204030204"/>
                </a:rPr>
                <a:t>Prepare HL7 Reference Architecture (RA) FHIR IG</a:t>
              </a:r>
            </a:p>
          </p:txBody>
        </p:sp>
        <p:sp>
          <p:nvSpPr>
            <p:cNvPr id="29" name="Flowchart: Decision 28">
              <a:extLst>
                <a:ext uri="{FF2B5EF4-FFF2-40B4-BE49-F238E27FC236}">
                  <a16:creationId xmlns:a16="http://schemas.microsoft.com/office/drawing/2014/main" id="{8704C4FD-94C6-44C8-9AD8-D576122C9378}"/>
                </a:ext>
              </a:extLst>
            </p:cNvPr>
            <p:cNvSpPr/>
            <p:nvPr/>
          </p:nvSpPr>
          <p:spPr>
            <a:xfrm>
              <a:off x="7720570" y="3568671"/>
              <a:ext cx="184309" cy="160017"/>
            </a:xfrm>
            <a:prstGeom prst="flowChartDecision">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US" sz="1350" dirty="0">
                <a:solidFill>
                  <a:prstClr val="white"/>
                </a:solidFill>
                <a:latin typeface="Calibri" panose="020F0502020204030204"/>
              </a:endParaRPr>
            </a:p>
          </p:txBody>
        </p:sp>
        <p:sp>
          <p:nvSpPr>
            <p:cNvPr id="30" name="Rectangle 29">
              <a:extLst>
                <a:ext uri="{FF2B5EF4-FFF2-40B4-BE49-F238E27FC236}">
                  <a16:creationId xmlns:a16="http://schemas.microsoft.com/office/drawing/2014/main" id="{157A3015-CB2A-4494-B331-08E75434F573}"/>
                </a:ext>
              </a:extLst>
            </p:cNvPr>
            <p:cNvSpPr/>
            <p:nvPr/>
          </p:nvSpPr>
          <p:spPr>
            <a:xfrm>
              <a:off x="7970437" y="3545712"/>
              <a:ext cx="1664494" cy="255275"/>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prstClr val="white"/>
                  </a:solidFill>
                  <a:latin typeface="Calibri" panose="020F0502020204030204"/>
                </a:rPr>
                <a:t>HL7 Notice for Intent to Ballot Due</a:t>
              </a:r>
            </a:p>
          </p:txBody>
        </p:sp>
        <p:sp>
          <p:nvSpPr>
            <p:cNvPr id="31" name="Flowchart: Decision 30">
              <a:extLst>
                <a:ext uri="{FF2B5EF4-FFF2-40B4-BE49-F238E27FC236}">
                  <a16:creationId xmlns:a16="http://schemas.microsoft.com/office/drawing/2014/main" id="{0AFD6833-CB3B-4262-B1A6-350AB5391788}"/>
                </a:ext>
              </a:extLst>
            </p:cNvPr>
            <p:cNvSpPr/>
            <p:nvPr/>
          </p:nvSpPr>
          <p:spPr>
            <a:xfrm>
              <a:off x="8622710" y="4171772"/>
              <a:ext cx="184309" cy="160017"/>
            </a:xfrm>
            <a:prstGeom prst="flowChartDecision">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US" sz="1350" dirty="0">
                <a:solidFill>
                  <a:prstClr val="white"/>
                </a:solidFill>
                <a:latin typeface="Calibri" panose="020F0502020204030204"/>
              </a:endParaRPr>
            </a:p>
          </p:txBody>
        </p:sp>
        <p:sp>
          <p:nvSpPr>
            <p:cNvPr id="32" name="Rectangle 31">
              <a:extLst>
                <a:ext uri="{FF2B5EF4-FFF2-40B4-BE49-F238E27FC236}">
                  <a16:creationId xmlns:a16="http://schemas.microsoft.com/office/drawing/2014/main" id="{9CDFDAFF-AE46-4206-B881-381A944A865F}"/>
                </a:ext>
              </a:extLst>
            </p:cNvPr>
            <p:cNvSpPr/>
            <p:nvPr/>
          </p:nvSpPr>
          <p:spPr>
            <a:xfrm>
              <a:off x="8878673" y="4118659"/>
              <a:ext cx="1287185" cy="255275"/>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prstClr val="white"/>
                  </a:solidFill>
                  <a:latin typeface="Calibri" panose="020F0502020204030204"/>
                </a:rPr>
                <a:t>HL7 RA FHIR IG submitted</a:t>
              </a:r>
            </a:p>
          </p:txBody>
        </p:sp>
        <p:sp>
          <p:nvSpPr>
            <p:cNvPr id="40" name="Flowchart: Decision 39">
              <a:extLst>
                <a:ext uri="{FF2B5EF4-FFF2-40B4-BE49-F238E27FC236}">
                  <a16:creationId xmlns:a16="http://schemas.microsoft.com/office/drawing/2014/main" id="{7E19BC88-CD03-48B4-9470-3FEBEB0A26FC}"/>
                </a:ext>
              </a:extLst>
            </p:cNvPr>
            <p:cNvSpPr/>
            <p:nvPr/>
          </p:nvSpPr>
          <p:spPr>
            <a:xfrm>
              <a:off x="9559594" y="4962424"/>
              <a:ext cx="184309" cy="160017"/>
            </a:xfrm>
            <a:prstGeom prst="flowChartDecision">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US" sz="1350" dirty="0">
                <a:solidFill>
                  <a:prstClr val="white"/>
                </a:solidFill>
                <a:latin typeface="Calibri" panose="020F0502020204030204"/>
              </a:endParaRPr>
            </a:p>
          </p:txBody>
        </p:sp>
        <p:sp>
          <p:nvSpPr>
            <p:cNvPr id="41" name="Rectangle 40">
              <a:extLst>
                <a:ext uri="{FF2B5EF4-FFF2-40B4-BE49-F238E27FC236}">
                  <a16:creationId xmlns:a16="http://schemas.microsoft.com/office/drawing/2014/main" id="{AD58769F-6B08-4F0C-AA50-41EBE4816792}"/>
                </a:ext>
              </a:extLst>
            </p:cNvPr>
            <p:cNvSpPr/>
            <p:nvPr/>
          </p:nvSpPr>
          <p:spPr>
            <a:xfrm>
              <a:off x="9789934" y="4936688"/>
              <a:ext cx="1269421" cy="255275"/>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prstClr val="white"/>
                  </a:solidFill>
                  <a:latin typeface="Calibri" panose="020F0502020204030204"/>
                </a:rPr>
                <a:t>HL7 Working Group Meeting</a:t>
              </a:r>
            </a:p>
          </p:txBody>
        </p:sp>
        <p:sp>
          <p:nvSpPr>
            <p:cNvPr id="35" name="Flowchart: Decision 28">
              <a:extLst>
                <a:ext uri="{FF2B5EF4-FFF2-40B4-BE49-F238E27FC236}">
                  <a16:creationId xmlns:a16="http://schemas.microsoft.com/office/drawing/2014/main" id="{071D6024-1380-1F4D-AAA0-A0BCE2E58E32}"/>
                </a:ext>
              </a:extLst>
            </p:cNvPr>
            <p:cNvSpPr/>
            <p:nvPr/>
          </p:nvSpPr>
          <p:spPr>
            <a:xfrm>
              <a:off x="1839429" y="2571189"/>
              <a:ext cx="184309" cy="160017"/>
            </a:xfrm>
            <a:prstGeom prst="flowChartDecision">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US" sz="1350" dirty="0">
                <a:solidFill>
                  <a:prstClr val="white"/>
                </a:solidFill>
                <a:latin typeface="Calibri" panose="020F0502020204030204"/>
              </a:endParaRPr>
            </a:p>
          </p:txBody>
        </p:sp>
        <p:sp>
          <p:nvSpPr>
            <p:cNvPr id="37" name="Rectangle 36">
              <a:extLst>
                <a:ext uri="{FF2B5EF4-FFF2-40B4-BE49-F238E27FC236}">
                  <a16:creationId xmlns:a16="http://schemas.microsoft.com/office/drawing/2014/main" id="{783AF15E-BC85-134B-A770-82A68C5D4BF1}"/>
                </a:ext>
              </a:extLst>
            </p:cNvPr>
            <p:cNvSpPr/>
            <p:nvPr/>
          </p:nvSpPr>
          <p:spPr>
            <a:xfrm>
              <a:off x="2049781" y="2548230"/>
              <a:ext cx="993398" cy="255275"/>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prstClr val="white"/>
                  </a:solidFill>
                  <a:latin typeface="Calibri" panose="020F0502020204030204"/>
                </a:rPr>
                <a:t>HL7 PSS Submitted</a:t>
              </a:r>
            </a:p>
          </p:txBody>
        </p:sp>
        <p:sp>
          <p:nvSpPr>
            <p:cNvPr id="26" name="Rectangle 25">
              <a:extLst>
                <a:ext uri="{FF2B5EF4-FFF2-40B4-BE49-F238E27FC236}">
                  <a16:creationId xmlns:a16="http://schemas.microsoft.com/office/drawing/2014/main" id="{4E2FF745-A0EC-5D43-AB57-78159135668B}"/>
                </a:ext>
              </a:extLst>
            </p:cNvPr>
            <p:cNvSpPr/>
            <p:nvPr/>
          </p:nvSpPr>
          <p:spPr>
            <a:xfrm>
              <a:off x="1764983" y="5501007"/>
              <a:ext cx="1442345" cy="278606"/>
            </a:xfrm>
            <a:prstGeom prst="rect">
              <a:avLst/>
            </a:prstGeom>
            <a:solidFill>
              <a:schemeClr val="accent2">
                <a:lumMod val="40000"/>
                <a:lumOff val="60000"/>
              </a:schemeClr>
            </a:soli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srgbClr val="002060"/>
                  </a:solidFill>
                  <a:latin typeface="Calibri" panose="020F0502020204030204"/>
                </a:rPr>
                <a:t>MedMorph Project Activities</a:t>
              </a:r>
            </a:p>
          </p:txBody>
        </p:sp>
        <p:sp>
          <p:nvSpPr>
            <p:cNvPr id="28" name="Rectangle 27">
              <a:extLst>
                <a:ext uri="{FF2B5EF4-FFF2-40B4-BE49-F238E27FC236}">
                  <a16:creationId xmlns:a16="http://schemas.microsoft.com/office/drawing/2014/main" id="{1125FF02-6B9B-3646-ABF1-E8B17AD7DC29}"/>
                </a:ext>
              </a:extLst>
            </p:cNvPr>
            <p:cNvSpPr/>
            <p:nvPr/>
          </p:nvSpPr>
          <p:spPr>
            <a:xfrm>
              <a:off x="1764982" y="5191963"/>
              <a:ext cx="1442346" cy="255275"/>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prstClr val="white"/>
                  </a:solidFill>
                  <a:latin typeface="Calibri" panose="020F0502020204030204"/>
                </a:rPr>
                <a:t>HL7 Processes</a:t>
              </a:r>
            </a:p>
          </p:txBody>
        </p:sp>
        <p:sp>
          <p:nvSpPr>
            <p:cNvPr id="3" name="TextBox 2">
              <a:extLst>
                <a:ext uri="{FF2B5EF4-FFF2-40B4-BE49-F238E27FC236}">
                  <a16:creationId xmlns:a16="http://schemas.microsoft.com/office/drawing/2014/main" id="{C171573C-D91B-EE4E-ACBF-C0C5604041DA}"/>
                </a:ext>
              </a:extLst>
            </p:cNvPr>
            <p:cNvSpPr txBox="1"/>
            <p:nvPr/>
          </p:nvSpPr>
          <p:spPr>
            <a:xfrm>
              <a:off x="1764982" y="4892392"/>
              <a:ext cx="697370" cy="300082"/>
            </a:xfrm>
            <a:prstGeom prst="rect">
              <a:avLst/>
            </a:prstGeom>
            <a:noFill/>
          </p:spPr>
          <p:txBody>
            <a:bodyPr wrap="none" rtlCol="0">
              <a:spAutoFit/>
            </a:bodyPr>
            <a:lstStyle/>
            <a:p>
              <a:pPr defTabSz="685800"/>
              <a:r>
                <a:rPr lang="en-US" sz="1350" b="1" dirty="0">
                  <a:solidFill>
                    <a:prstClr val="black"/>
                  </a:solidFill>
                  <a:latin typeface="Calibri" panose="020F0502020204030204"/>
                </a:rPr>
                <a:t>Legend</a:t>
              </a:r>
            </a:p>
          </p:txBody>
        </p:sp>
        <p:sp>
          <p:nvSpPr>
            <p:cNvPr id="4" name="Rounded Rectangle 3">
              <a:extLst>
                <a:ext uri="{FF2B5EF4-FFF2-40B4-BE49-F238E27FC236}">
                  <a16:creationId xmlns:a16="http://schemas.microsoft.com/office/drawing/2014/main" id="{70DE1A73-9467-7046-A36F-0B80381B0BFE}"/>
                </a:ext>
              </a:extLst>
            </p:cNvPr>
            <p:cNvSpPr/>
            <p:nvPr/>
          </p:nvSpPr>
          <p:spPr>
            <a:xfrm>
              <a:off x="1684318" y="4859631"/>
              <a:ext cx="1603169" cy="1035955"/>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US" sz="1350" dirty="0">
                <a:solidFill>
                  <a:prstClr val="white"/>
                </a:solidFill>
                <a:latin typeface="Calibri" panose="020F0502020204030204"/>
              </a:endParaRPr>
            </a:p>
          </p:txBody>
        </p:sp>
      </p:grpSp>
      <p:sp>
        <p:nvSpPr>
          <p:cNvPr id="38" name="Flowchart: Decision 37">
            <a:extLst>
              <a:ext uri="{FF2B5EF4-FFF2-40B4-BE49-F238E27FC236}">
                <a16:creationId xmlns:a16="http://schemas.microsoft.com/office/drawing/2014/main" id="{4424A4F3-DF07-44A4-844D-6E867E63EE89}"/>
              </a:ext>
            </a:extLst>
          </p:cNvPr>
          <p:cNvSpPr/>
          <p:nvPr/>
        </p:nvSpPr>
        <p:spPr>
          <a:xfrm>
            <a:off x="6852312" y="5623485"/>
            <a:ext cx="235250" cy="183919"/>
          </a:xfrm>
          <a:prstGeom prst="flowChartDecision">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en-US" sz="1350" dirty="0">
              <a:solidFill>
                <a:prstClr val="white"/>
              </a:solidFill>
              <a:latin typeface="Calibri" panose="020F0502020204030204"/>
            </a:endParaRPr>
          </a:p>
        </p:txBody>
      </p:sp>
      <p:sp>
        <p:nvSpPr>
          <p:cNvPr id="42" name="Rectangle 41">
            <a:extLst>
              <a:ext uri="{FF2B5EF4-FFF2-40B4-BE49-F238E27FC236}">
                <a16:creationId xmlns:a16="http://schemas.microsoft.com/office/drawing/2014/main" id="{5917D8A0-7A18-4119-B38C-8B3FB2DE0BAA}"/>
              </a:ext>
            </a:extLst>
          </p:cNvPr>
          <p:cNvSpPr/>
          <p:nvPr/>
        </p:nvSpPr>
        <p:spPr>
          <a:xfrm>
            <a:off x="7275507" y="5579245"/>
            <a:ext cx="2124546" cy="293405"/>
          </a:xfrm>
          <a:prstGeom prst="rect">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685800"/>
            <a:r>
              <a:rPr lang="en-US" sz="825" b="1" dirty="0">
                <a:solidFill>
                  <a:prstClr val="white"/>
                </a:solidFill>
                <a:latin typeface="Calibri" panose="020F0502020204030204"/>
              </a:rPr>
              <a:t>HL7 Sept 2020 FHIR Connectathon</a:t>
            </a:r>
          </a:p>
        </p:txBody>
      </p:sp>
    </p:spTree>
    <p:extLst>
      <p:ext uri="{BB962C8B-B14F-4D97-AF65-F5344CB8AC3E}">
        <p14:creationId xmlns:p14="http://schemas.microsoft.com/office/powerpoint/2010/main" val="44540262"/>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3CF3E6-5B36-436B-8BCE-9D9414D58BD0}"/>
              </a:ext>
            </a:extLst>
          </p:cNvPr>
          <p:cNvSpPr>
            <a:spLocks noGrp="1"/>
          </p:cNvSpPr>
          <p:nvPr>
            <p:ph type="title"/>
          </p:nvPr>
        </p:nvSpPr>
        <p:spPr/>
        <p:txBody>
          <a:bodyPr/>
          <a:lstStyle/>
          <a:p>
            <a:r>
              <a:rPr lang="en-US" dirty="0"/>
              <a:t>Information on Mortality Reporting</a:t>
            </a:r>
          </a:p>
        </p:txBody>
      </p:sp>
      <p:sp>
        <p:nvSpPr>
          <p:cNvPr id="3" name="Text Placeholder 2">
            <a:extLst>
              <a:ext uri="{FF2B5EF4-FFF2-40B4-BE49-F238E27FC236}">
                <a16:creationId xmlns:a16="http://schemas.microsoft.com/office/drawing/2014/main" id="{D85F0F2C-7154-4DE7-98BF-464AF0F52F7E}"/>
              </a:ext>
            </a:extLst>
          </p:cNvPr>
          <p:cNvSpPr>
            <a:spLocks noGrp="1"/>
          </p:cNvSpPr>
          <p:nvPr>
            <p:ph type="body" sz="quarter" idx="10"/>
          </p:nvPr>
        </p:nvSpPr>
        <p:spPr/>
        <p:txBody>
          <a:bodyPr/>
          <a:lstStyle/>
          <a:p>
            <a:r>
              <a:rPr lang="en-US" dirty="0"/>
              <a:t>National Vital Statistics System (NVSS) Modernization – </a:t>
            </a:r>
          </a:p>
          <a:p>
            <a:pPr lvl="1"/>
            <a:r>
              <a:rPr lang="en-US" dirty="0"/>
              <a:t>Background information, blogs and stories, technical resources</a:t>
            </a:r>
          </a:p>
          <a:p>
            <a:pPr lvl="2"/>
            <a:r>
              <a:rPr lang="en-US" dirty="0">
                <a:hlinkClick r:id="rId2"/>
              </a:rPr>
              <a:t>https://www.cdc.gov/nchs/nvss/modernization.htm</a:t>
            </a:r>
            <a:endParaRPr lang="en-US" dirty="0"/>
          </a:p>
          <a:p>
            <a:pPr lvl="2"/>
            <a:r>
              <a:rPr lang="en-US" dirty="0">
                <a:hlinkClick r:id="rId3"/>
              </a:rPr>
              <a:t>https://www.cdc.gov/surveillance/projects/Modernizing-Death-Reporting.html</a:t>
            </a:r>
            <a:endParaRPr lang="en-US" dirty="0"/>
          </a:p>
          <a:p>
            <a:r>
              <a:rPr lang="en-US" dirty="0"/>
              <a:t>Vital Records Death Reporting FHIR Implementation Guide:</a:t>
            </a:r>
          </a:p>
          <a:p>
            <a:pPr marL="533408" lvl="1" indent="0">
              <a:buNone/>
            </a:pPr>
            <a:r>
              <a:rPr lang="en-US" u="sng" dirty="0">
                <a:hlinkClick r:id="rId4"/>
              </a:rPr>
              <a:t>http://hl7.org/fhir/us/vrdr/</a:t>
            </a:r>
            <a:endParaRPr lang="en-US" u="sng" dirty="0"/>
          </a:p>
          <a:p>
            <a:pPr marL="533408" lvl="1" indent="0">
              <a:buNone/>
            </a:pPr>
            <a:endParaRPr lang="en-US" u="sng" dirty="0"/>
          </a:p>
          <a:p>
            <a:pPr marL="457200" indent="-457200"/>
            <a:endParaRPr lang="en-US" dirty="0"/>
          </a:p>
          <a:p>
            <a:pPr marL="609585" lvl="1" indent="0">
              <a:buNone/>
            </a:pPr>
            <a:endParaRPr lang="en-US" dirty="0"/>
          </a:p>
          <a:p>
            <a:pPr marL="609585" lvl="1" indent="0">
              <a:buNone/>
            </a:pPr>
            <a:endParaRPr lang="en-US" dirty="0"/>
          </a:p>
        </p:txBody>
      </p:sp>
    </p:spTree>
    <p:extLst>
      <p:ext uri="{BB962C8B-B14F-4D97-AF65-F5344CB8AC3E}">
        <p14:creationId xmlns:p14="http://schemas.microsoft.com/office/powerpoint/2010/main" val="3469088645"/>
      </p:ext>
    </p:extLst>
  </p:cSld>
  <p:clrMapOvr>
    <a:masterClrMapping/>
  </p:clrMapOvr>
  <p:transition>
    <p:fade/>
  </p:transition>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2E1E3A-6F30-4E80-B63B-DBA3B1965FBD}"/>
              </a:ext>
            </a:extLst>
          </p:cNvPr>
          <p:cNvSpPr>
            <a:spLocks noGrp="1"/>
          </p:cNvSpPr>
          <p:nvPr>
            <p:ph type="title"/>
          </p:nvPr>
        </p:nvSpPr>
        <p:spPr/>
        <p:txBody>
          <a:bodyPr>
            <a:normAutofit/>
          </a:bodyPr>
          <a:lstStyle/>
          <a:p>
            <a:r>
              <a:rPr lang="en-US" sz="4000" b="0" dirty="0"/>
              <a:t>Discussion</a:t>
            </a:r>
          </a:p>
        </p:txBody>
      </p:sp>
    </p:spTree>
    <p:extLst>
      <p:ext uri="{BB962C8B-B14F-4D97-AF65-F5344CB8AC3E}">
        <p14:creationId xmlns:p14="http://schemas.microsoft.com/office/powerpoint/2010/main" val="167527436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3B3771-479B-4440-B2A7-86E792FB0EE6}"/>
              </a:ext>
            </a:extLst>
          </p:cNvPr>
          <p:cNvSpPr>
            <a:spLocks noGrp="1"/>
          </p:cNvSpPr>
          <p:nvPr>
            <p:ph type="title"/>
          </p:nvPr>
        </p:nvSpPr>
        <p:spPr>
          <a:xfrm>
            <a:off x="536713" y="365125"/>
            <a:ext cx="10817087" cy="1325563"/>
          </a:xfrm>
        </p:spPr>
        <p:txBody>
          <a:bodyPr>
            <a:normAutofit/>
          </a:bodyPr>
          <a:lstStyle/>
          <a:p>
            <a:r>
              <a:rPr lang="en-US" sz="3600" b="0" dirty="0"/>
              <a:t>Upcoming MedMorph Meetings</a:t>
            </a:r>
          </a:p>
        </p:txBody>
      </p:sp>
      <p:sp>
        <p:nvSpPr>
          <p:cNvPr id="3" name="Content Placeholder 2">
            <a:extLst>
              <a:ext uri="{FF2B5EF4-FFF2-40B4-BE49-F238E27FC236}">
                <a16:creationId xmlns:a16="http://schemas.microsoft.com/office/drawing/2014/main" id="{1863E1D0-A7F5-4A2E-9459-7524CBCBD317}"/>
              </a:ext>
            </a:extLst>
          </p:cNvPr>
          <p:cNvSpPr>
            <a:spLocks noGrp="1"/>
          </p:cNvSpPr>
          <p:nvPr>
            <p:ph idx="1"/>
          </p:nvPr>
        </p:nvSpPr>
        <p:spPr>
          <a:xfrm>
            <a:off x="701040" y="1690688"/>
            <a:ext cx="11145520" cy="4802187"/>
          </a:xfrm>
        </p:spPr>
        <p:txBody>
          <a:bodyPr>
            <a:normAutofit fontScale="85000" lnSpcReduction="20000"/>
          </a:bodyPr>
          <a:lstStyle/>
          <a:p>
            <a:pPr marL="0" indent="0">
              <a:buNone/>
            </a:pPr>
            <a:r>
              <a:rPr lang="en-US" sz="3200" dirty="0">
                <a:solidFill>
                  <a:srgbClr val="0070C0"/>
                </a:solidFill>
              </a:rPr>
              <a:t>Next Full TEP Meeting</a:t>
            </a:r>
          </a:p>
          <a:p>
            <a:pPr marL="0" indent="0">
              <a:buNone/>
            </a:pPr>
            <a:r>
              <a:rPr lang="en-US" sz="3200" dirty="0">
                <a:solidFill>
                  <a:srgbClr val="0070C0"/>
                </a:solidFill>
              </a:rPr>
              <a:t>	</a:t>
            </a:r>
            <a:r>
              <a:rPr lang="en-US" dirty="0"/>
              <a:t>Tue 8/21/2020 @ 3-4pm ET / 2-3pm CT / 1-2pm MT / 12-1pm PT</a:t>
            </a:r>
          </a:p>
          <a:p>
            <a:pPr marL="457200" lvl="1" indent="0">
              <a:buNone/>
            </a:pPr>
            <a:endParaRPr lang="en-US" sz="3200" dirty="0"/>
          </a:p>
          <a:p>
            <a:pPr marL="0" indent="0">
              <a:buNone/>
            </a:pPr>
            <a:r>
              <a:rPr lang="en-US" sz="3200" dirty="0">
                <a:solidFill>
                  <a:srgbClr val="0070C0"/>
                </a:solidFill>
              </a:rPr>
              <a:t>Reference Architecture Workgroup (Weekly)</a:t>
            </a:r>
          </a:p>
          <a:p>
            <a:pPr marL="0" indent="0">
              <a:buNone/>
            </a:pPr>
            <a:r>
              <a:rPr lang="en-US" sz="3200" dirty="0"/>
              <a:t>	</a:t>
            </a:r>
            <a:r>
              <a:rPr lang="en-US" dirty="0"/>
              <a:t>Wednesdays @ 1-2pm ET / 12-1pm CT / 11am-12pm MT / 10-11am PT</a:t>
            </a:r>
          </a:p>
          <a:p>
            <a:pPr marL="0" indent="0">
              <a:buNone/>
            </a:pPr>
            <a:endParaRPr lang="en-US" sz="3200" u="sng" dirty="0"/>
          </a:p>
          <a:p>
            <a:pPr marL="0" indent="0">
              <a:buNone/>
            </a:pPr>
            <a:r>
              <a:rPr lang="en-US" sz="3200" dirty="0">
                <a:solidFill>
                  <a:srgbClr val="0070C0"/>
                </a:solidFill>
              </a:rPr>
              <a:t>Consolidated Use Case Workgroups (Weekly)</a:t>
            </a:r>
          </a:p>
          <a:p>
            <a:pPr marL="0" indent="0">
              <a:buNone/>
            </a:pPr>
            <a:r>
              <a:rPr lang="en-US" sz="3200" dirty="0"/>
              <a:t>	</a:t>
            </a:r>
            <a:r>
              <a:rPr lang="en-US" dirty="0"/>
              <a:t>Thursdays @ 12-1pm ET / 11-12 am CT / 10am-11 am MT / 9-10 am PT</a:t>
            </a:r>
          </a:p>
          <a:p>
            <a:pPr marL="0" indent="0">
              <a:buNone/>
            </a:pPr>
            <a:endParaRPr lang="en-US" sz="3200" u="sng" dirty="0"/>
          </a:p>
          <a:p>
            <a:pPr marL="0" indent="0">
              <a:buNone/>
            </a:pPr>
            <a:r>
              <a:rPr lang="en-US" sz="3200" dirty="0">
                <a:solidFill>
                  <a:srgbClr val="0070C0"/>
                </a:solidFill>
              </a:rPr>
              <a:t>Evaluation Workgroup </a:t>
            </a:r>
          </a:p>
          <a:p>
            <a:pPr marL="0" indent="0">
              <a:buNone/>
            </a:pPr>
            <a:r>
              <a:rPr lang="en-US" sz="3200" dirty="0">
                <a:solidFill>
                  <a:srgbClr val="0070C0"/>
                </a:solidFill>
              </a:rPr>
              <a:t>	</a:t>
            </a:r>
            <a:r>
              <a:rPr lang="en-US" dirty="0"/>
              <a:t>Thursdays @ 10 -11 am ET/ 9-10 am CT/ 8-9 am MT/ 7-8 am PT</a:t>
            </a:r>
          </a:p>
          <a:p>
            <a:pPr marL="457200" lvl="1" indent="0">
              <a:buNone/>
            </a:pPr>
            <a:endParaRPr lang="en-US" dirty="0"/>
          </a:p>
          <a:p>
            <a:endParaRPr lang="en-US" sz="3200" dirty="0"/>
          </a:p>
          <a:p>
            <a:endParaRPr lang="en-US" sz="3200" dirty="0"/>
          </a:p>
        </p:txBody>
      </p:sp>
    </p:spTree>
    <p:extLst>
      <p:ext uri="{BB962C8B-B14F-4D97-AF65-F5344CB8AC3E}">
        <p14:creationId xmlns:p14="http://schemas.microsoft.com/office/powerpoint/2010/main" val="400689461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286105-5F9D-480F-8290-F12D673E69A9}"/>
              </a:ext>
            </a:extLst>
          </p:cNvPr>
          <p:cNvSpPr>
            <a:spLocks noGrp="1"/>
          </p:cNvSpPr>
          <p:nvPr>
            <p:ph type="title"/>
          </p:nvPr>
        </p:nvSpPr>
        <p:spPr>
          <a:xfrm>
            <a:off x="232064" y="11689"/>
            <a:ext cx="10515600" cy="1325563"/>
          </a:xfrm>
        </p:spPr>
        <p:txBody>
          <a:bodyPr>
            <a:normAutofit/>
          </a:bodyPr>
          <a:lstStyle/>
          <a:p>
            <a:r>
              <a:rPr lang="en-US" sz="3600" b="0" dirty="0"/>
              <a:t>Contacts</a:t>
            </a:r>
          </a:p>
        </p:txBody>
      </p:sp>
      <p:sp>
        <p:nvSpPr>
          <p:cNvPr id="3" name="Content Placeholder 2">
            <a:extLst>
              <a:ext uri="{FF2B5EF4-FFF2-40B4-BE49-F238E27FC236}">
                <a16:creationId xmlns:a16="http://schemas.microsoft.com/office/drawing/2014/main" id="{F1FCCA8F-DB0B-4AB2-A890-E69E3EFC86E0}"/>
              </a:ext>
            </a:extLst>
          </p:cNvPr>
          <p:cNvSpPr>
            <a:spLocks noGrp="1"/>
          </p:cNvSpPr>
          <p:nvPr>
            <p:ph idx="1"/>
          </p:nvPr>
        </p:nvSpPr>
        <p:spPr>
          <a:xfrm>
            <a:off x="232064" y="1212561"/>
            <a:ext cx="11634354" cy="5520748"/>
          </a:xfrm>
        </p:spPr>
        <p:txBody>
          <a:bodyPr>
            <a:normAutofit/>
          </a:bodyPr>
          <a:lstStyle/>
          <a:p>
            <a:pPr marL="0" indent="0">
              <a:buNone/>
            </a:pPr>
            <a:r>
              <a:rPr lang="en-US" sz="2000" dirty="0"/>
              <a:t>CDC Team</a:t>
            </a:r>
          </a:p>
          <a:p>
            <a:pPr lvl="1"/>
            <a:r>
              <a:rPr lang="en-US" sz="1800" dirty="0"/>
              <a:t>Maria Michaels: </a:t>
            </a:r>
            <a:r>
              <a:rPr lang="en-US" sz="1800" dirty="0">
                <a:hlinkClick r:id="rId2"/>
              </a:rPr>
              <a:t>ktx2@cdc.gov</a:t>
            </a:r>
            <a:r>
              <a:rPr lang="en-US" sz="1800" dirty="0"/>
              <a:t> </a:t>
            </a:r>
          </a:p>
          <a:p>
            <a:pPr lvl="1"/>
            <a:r>
              <a:rPr lang="en-US" sz="1800" dirty="0"/>
              <a:t>Wendy Blumenthal: </a:t>
            </a:r>
            <a:r>
              <a:rPr lang="en-US" sz="1800" dirty="0">
                <a:hlinkClick r:id="rId3"/>
              </a:rPr>
              <a:t>wfb6@cdc.gov</a:t>
            </a:r>
            <a:endParaRPr lang="en-US" sz="1800" dirty="0"/>
          </a:p>
          <a:p>
            <a:pPr lvl="1"/>
            <a:r>
              <a:rPr lang="en-US" sz="1800" dirty="0"/>
              <a:t>Arun Srinivasan: </a:t>
            </a:r>
            <a:r>
              <a:rPr lang="en-US" sz="1800" dirty="0">
                <a:hlinkClick r:id="rId4"/>
              </a:rPr>
              <a:t>fos2@cdc.gov</a:t>
            </a:r>
            <a:endParaRPr lang="en-US" sz="1800" dirty="0"/>
          </a:p>
          <a:p>
            <a:pPr lvl="1"/>
            <a:r>
              <a:rPr lang="en-US" sz="1800" dirty="0"/>
              <a:t>Syed Sameemuddin: </a:t>
            </a:r>
            <a:r>
              <a:rPr lang="en-US" sz="1800" dirty="0">
                <a:hlinkClick r:id="rId5"/>
              </a:rPr>
              <a:t>puv5@cdc.gov</a:t>
            </a:r>
            <a:endParaRPr lang="en-US" sz="1800" dirty="0"/>
          </a:p>
          <a:p>
            <a:pPr lvl="1"/>
            <a:r>
              <a:rPr lang="en-US" sz="1800" dirty="0"/>
              <a:t>Aaron Harris: </a:t>
            </a:r>
            <a:r>
              <a:rPr lang="en-US" sz="1800" dirty="0">
                <a:hlinkClick r:id="rId6"/>
              </a:rPr>
              <a:t>ieo9@cdc.gov</a:t>
            </a:r>
            <a:endParaRPr lang="en-US" sz="1800" dirty="0"/>
          </a:p>
          <a:p>
            <a:pPr lvl="1"/>
            <a:r>
              <a:rPr lang="en-US" sz="1800" dirty="0"/>
              <a:t>Brian Gugerty: </a:t>
            </a:r>
            <a:r>
              <a:rPr lang="en-US" sz="1800" dirty="0">
                <a:hlinkClick r:id="rId7"/>
              </a:rPr>
              <a:t>vaz6@cdc.gov</a:t>
            </a:r>
            <a:endParaRPr lang="en-US" sz="1800" dirty="0"/>
          </a:p>
          <a:p>
            <a:pPr lvl="1"/>
            <a:r>
              <a:rPr lang="en-US" sz="1800" dirty="0"/>
              <a:t>Cynthia Bush: </a:t>
            </a:r>
            <a:r>
              <a:rPr lang="en-US" sz="1800" dirty="0">
                <a:hlinkClick r:id="rId8"/>
              </a:rPr>
              <a:t>pdz1@cdc.gov</a:t>
            </a:r>
            <a:endParaRPr lang="en-US" sz="1800" dirty="0"/>
          </a:p>
          <a:p>
            <a:pPr lvl="1"/>
            <a:r>
              <a:rPr lang="en-US" sz="1800" dirty="0" err="1"/>
              <a:t>Shaoman</a:t>
            </a:r>
            <a:r>
              <a:rPr lang="en-US" sz="1800" dirty="0"/>
              <a:t> Yin: </a:t>
            </a:r>
            <a:r>
              <a:rPr lang="en-US" sz="1800" b="0" i="0" u="none" strike="noStrike" dirty="0">
                <a:solidFill>
                  <a:srgbClr val="1A73E8"/>
                </a:solidFill>
                <a:effectLst/>
                <a:latin typeface="Calibri" panose="020F0502020204030204" pitchFamily="34" charset="0"/>
                <a:cs typeface="Calibri" panose="020F0502020204030204" pitchFamily="34" charset="0"/>
                <a:hlinkClick r:id="rId9"/>
              </a:rPr>
              <a:t>wso3@cdc.gov</a:t>
            </a:r>
            <a:r>
              <a:rPr lang="en-US" sz="1800" b="0" i="0" u="none" strike="noStrike" dirty="0">
                <a:solidFill>
                  <a:srgbClr val="1A73E8"/>
                </a:solidFill>
                <a:effectLst/>
                <a:latin typeface="Calibri" panose="020F0502020204030204" pitchFamily="34" charset="0"/>
                <a:cs typeface="Calibri" panose="020F0502020204030204" pitchFamily="34" charset="0"/>
              </a:rPr>
              <a:t> </a:t>
            </a:r>
            <a:endParaRPr lang="en-US" sz="1800" dirty="0">
              <a:latin typeface="Calibri" panose="020F0502020204030204" pitchFamily="34" charset="0"/>
              <a:cs typeface="Calibri" panose="020F0502020204030204" pitchFamily="34" charset="0"/>
            </a:endParaRPr>
          </a:p>
          <a:p>
            <a:pPr lvl="1"/>
            <a:r>
              <a:rPr lang="en-US" sz="1800" dirty="0"/>
              <a:t>Laura Conn: </a:t>
            </a:r>
            <a:r>
              <a:rPr lang="en-US" sz="1800" dirty="0">
                <a:hlinkClick r:id="rId10"/>
              </a:rPr>
              <a:t>lbk1@cdc.gov</a:t>
            </a:r>
            <a:endParaRPr lang="en-US" sz="1800" dirty="0"/>
          </a:p>
          <a:p>
            <a:pPr marL="0" indent="0">
              <a:buNone/>
            </a:pPr>
            <a:r>
              <a:rPr lang="en-US" sz="2000" dirty="0"/>
              <a:t>TEP Co-Chairs</a:t>
            </a:r>
          </a:p>
          <a:p>
            <a:pPr lvl="1"/>
            <a:r>
              <a:rPr lang="en-US" sz="1800" dirty="0"/>
              <a:t>John Loonsk: </a:t>
            </a:r>
            <a:r>
              <a:rPr lang="en-US" sz="1800" dirty="0">
                <a:hlinkClick r:id="rId11"/>
              </a:rPr>
              <a:t>john.loonsk@jhu.edu</a:t>
            </a:r>
            <a:endParaRPr lang="en-US" sz="1800" dirty="0"/>
          </a:p>
          <a:p>
            <a:pPr lvl="1"/>
            <a:r>
              <a:rPr lang="en-US" sz="1800" dirty="0"/>
              <a:t>Bill Lober: </a:t>
            </a:r>
            <a:r>
              <a:rPr lang="en-US" sz="1800" dirty="0">
                <a:hlinkClick r:id="rId12"/>
              </a:rPr>
              <a:t>lober@uw.edu</a:t>
            </a:r>
            <a:endParaRPr lang="en-US" sz="1800" dirty="0"/>
          </a:p>
          <a:p>
            <a:endParaRPr lang="en-US" sz="2000" dirty="0"/>
          </a:p>
        </p:txBody>
      </p:sp>
      <p:sp>
        <p:nvSpPr>
          <p:cNvPr id="4" name="Content Placeholder 2">
            <a:extLst>
              <a:ext uri="{FF2B5EF4-FFF2-40B4-BE49-F238E27FC236}">
                <a16:creationId xmlns:a16="http://schemas.microsoft.com/office/drawing/2014/main" id="{E169ECA0-F2C7-46E4-81E1-1D6FC2AFB528}"/>
              </a:ext>
            </a:extLst>
          </p:cNvPr>
          <p:cNvSpPr txBox="1">
            <a:spLocks/>
          </p:cNvSpPr>
          <p:nvPr/>
        </p:nvSpPr>
        <p:spPr>
          <a:xfrm>
            <a:off x="5529695" y="1337252"/>
            <a:ext cx="6845877" cy="5520748"/>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2000" dirty="0"/>
              <a:t>Technical Leads</a:t>
            </a:r>
          </a:p>
          <a:p>
            <a:pPr lvl="1"/>
            <a:r>
              <a:rPr lang="en-US" sz="1800" dirty="0"/>
              <a:t>Nagesh “Dragon” Bashyam: </a:t>
            </a:r>
            <a:r>
              <a:rPr lang="en-US" sz="1800" dirty="0">
                <a:solidFill>
                  <a:srgbClr val="0070C0"/>
                </a:solidFill>
                <a:hlinkClick r:id="rId13">
                  <a:extLst>
                    <a:ext uri="{A12FA001-AC4F-418D-AE19-62706E023703}">
                      <ahyp:hlinkClr xmlns:ahyp="http://schemas.microsoft.com/office/drawing/2018/hyperlinkcolor" val="tx"/>
                    </a:ext>
                  </a:extLst>
                </a:hlinkClick>
              </a:rPr>
              <a:t>nagesh.bashyam@drajer.com</a:t>
            </a:r>
            <a:r>
              <a:rPr lang="en-US" sz="1800" dirty="0">
                <a:solidFill>
                  <a:srgbClr val="0070C0"/>
                </a:solidFill>
              </a:rPr>
              <a:t> </a:t>
            </a:r>
          </a:p>
          <a:p>
            <a:pPr marL="0" indent="0">
              <a:buFont typeface="Arial" panose="020B0604020202020204" pitchFamily="34" charset="0"/>
              <a:buNone/>
            </a:pPr>
            <a:r>
              <a:rPr lang="en-US" sz="2000" dirty="0"/>
              <a:t>Support Team</a:t>
            </a:r>
          </a:p>
          <a:p>
            <a:pPr lvl="1"/>
            <a:r>
              <a:rPr lang="en-US" sz="1800" dirty="0"/>
              <a:t>Becky Angeles: </a:t>
            </a:r>
            <a:r>
              <a:rPr lang="en-US" sz="1800" dirty="0">
                <a:solidFill>
                  <a:srgbClr val="0070C0"/>
                </a:solidFill>
                <a:hlinkClick r:id="rId14">
                  <a:extLst>
                    <a:ext uri="{A12FA001-AC4F-418D-AE19-62706E023703}">
                      <ahyp:hlinkClr xmlns:ahyp="http://schemas.microsoft.com/office/drawing/2018/hyperlinkcolor" val="tx"/>
                    </a:ext>
                  </a:extLst>
                </a:hlinkClick>
              </a:rPr>
              <a:t>becky.angeles@carradora.com</a:t>
            </a:r>
            <a:r>
              <a:rPr lang="en-US" sz="1800" dirty="0"/>
              <a:t> </a:t>
            </a:r>
          </a:p>
          <a:p>
            <a:pPr lvl="1"/>
            <a:r>
              <a:rPr lang="en-US" sz="1800" dirty="0"/>
              <a:t>Jamie Parker: </a:t>
            </a:r>
            <a:r>
              <a:rPr lang="en-US" sz="1800" dirty="0">
                <a:solidFill>
                  <a:srgbClr val="0070C0"/>
                </a:solidFill>
                <a:hlinkClick r:id="rId15">
                  <a:extLst>
                    <a:ext uri="{A12FA001-AC4F-418D-AE19-62706E023703}">
                      <ahyp:hlinkClr xmlns:ahyp="http://schemas.microsoft.com/office/drawing/2018/hyperlinkcolor" val="tx"/>
                    </a:ext>
                  </a:extLst>
                </a:hlinkClick>
              </a:rPr>
              <a:t>jamie.parker@carradora.com</a:t>
            </a:r>
            <a:r>
              <a:rPr lang="en-US" sz="1800" dirty="0">
                <a:solidFill>
                  <a:srgbClr val="0070C0"/>
                </a:solidFill>
              </a:rPr>
              <a:t> </a:t>
            </a:r>
          </a:p>
          <a:p>
            <a:pPr lvl="1"/>
            <a:r>
              <a:rPr lang="en-US" sz="1800" dirty="0"/>
              <a:t>Kishore Bashyam: </a:t>
            </a:r>
            <a:r>
              <a:rPr lang="en-US" sz="1800" dirty="0">
                <a:solidFill>
                  <a:srgbClr val="0070C0"/>
                </a:solidFill>
                <a:hlinkClick r:id="rId16">
                  <a:extLst>
                    <a:ext uri="{A12FA001-AC4F-418D-AE19-62706E023703}">
                      <ahyp:hlinkClr xmlns:ahyp="http://schemas.microsoft.com/office/drawing/2018/hyperlinkcolor" val="tx"/>
                    </a:ext>
                  </a:extLst>
                </a:hlinkClick>
              </a:rPr>
              <a:t>kishore.bashyam@drajer.com</a:t>
            </a:r>
            <a:endParaRPr lang="en-US" sz="1800" dirty="0">
              <a:solidFill>
                <a:srgbClr val="0070C0"/>
              </a:solidFill>
            </a:endParaRPr>
          </a:p>
          <a:p>
            <a:pPr lvl="1"/>
            <a:r>
              <a:rPr lang="en-US" sz="1800" dirty="0"/>
              <a:t>Mike Flanigan: </a:t>
            </a:r>
            <a:r>
              <a:rPr lang="en-US" sz="1800" dirty="0">
                <a:solidFill>
                  <a:srgbClr val="0070C0"/>
                </a:solidFill>
                <a:hlinkClick r:id="rId17">
                  <a:extLst>
                    <a:ext uri="{A12FA001-AC4F-418D-AE19-62706E023703}">
                      <ahyp:hlinkClr xmlns:ahyp="http://schemas.microsoft.com/office/drawing/2018/hyperlinkcolor" val="tx"/>
                    </a:ext>
                  </a:extLst>
                </a:hlinkClick>
              </a:rPr>
              <a:t>mike.flanigan@carradora.com</a:t>
            </a:r>
            <a:endParaRPr lang="en-US" sz="1800" dirty="0">
              <a:solidFill>
                <a:srgbClr val="0070C0"/>
              </a:solidFill>
            </a:endParaRPr>
          </a:p>
          <a:p>
            <a:pPr marL="0" indent="0">
              <a:buFont typeface="Arial" panose="020B0604020202020204" pitchFamily="34" charset="0"/>
              <a:buNone/>
            </a:pPr>
            <a:r>
              <a:rPr lang="en-US" sz="2000" dirty="0"/>
              <a:t>Technical SME</a:t>
            </a:r>
          </a:p>
          <a:p>
            <a:pPr lvl="1"/>
            <a:r>
              <a:rPr lang="en-US" sz="1800" dirty="0"/>
              <a:t>Brett Marquard: </a:t>
            </a:r>
            <a:r>
              <a:rPr lang="en-US" sz="1800" dirty="0">
                <a:solidFill>
                  <a:srgbClr val="0070C0"/>
                </a:solidFill>
                <a:hlinkClick r:id="rId18">
                  <a:extLst>
                    <a:ext uri="{A12FA001-AC4F-418D-AE19-62706E023703}">
                      <ahyp:hlinkClr xmlns:ahyp="http://schemas.microsoft.com/office/drawing/2018/hyperlinkcolor" val="tx"/>
                    </a:ext>
                  </a:extLst>
                </a:hlinkClick>
              </a:rPr>
              <a:t>brett@waveoneassociates.com</a:t>
            </a:r>
            <a:endParaRPr lang="en-US" sz="1800" dirty="0">
              <a:solidFill>
                <a:srgbClr val="0070C0"/>
              </a:solidFill>
            </a:endParaRPr>
          </a:p>
          <a:p>
            <a:endParaRPr lang="en-US" sz="2000" dirty="0"/>
          </a:p>
        </p:txBody>
      </p:sp>
    </p:spTree>
    <p:extLst>
      <p:ext uri="{BB962C8B-B14F-4D97-AF65-F5344CB8AC3E}">
        <p14:creationId xmlns:p14="http://schemas.microsoft.com/office/powerpoint/2010/main" val="3756491243"/>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B5CB01-78FB-4D1D-85D3-57E872F332BE}"/>
              </a:ext>
            </a:extLst>
          </p:cNvPr>
          <p:cNvSpPr>
            <a:spLocks noGrp="1"/>
          </p:cNvSpPr>
          <p:nvPr>
            <p:ph type="title"/>
          </p:nvPr>
        </p:nvSpPr>
        <p:spPr/>
        <p:txBody>
          <a:bodyPr>
            <a:normAutofit/>
          </a:bodyPr>
          <a:lstStyle/>
          <a:p>
            <a:r>
              <a:rPr lang="en-US" sz="4000" dirty="0"/>
              <a:t>Appendix A: MedMorph General Information</a:t>
            </a:r>
          </a:p>
        </p:txBody>
      </p:sp>
    </p:spTree>
    <p:extLst>
      <p:ext uri="{BB962C8B-B14F-4D97-AF65-F5344CB8AC3E}">
        <p14:creationId xmlns:p14="http://schemas.microsoft.com/office/powerpoint/2010/main" val="76028456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Rounded Rectangle 27"/>
          <p:cNvSpPr/>
          <p:nvPr/>
        </p:nvSpPr>
        <p:spPr>
          <a:xfrm>
            <a:off x="3365236" y="2442999"/>
            <a:ext cx="7718611" cy="1501944"/>
          </a:xfrm>
          <a:prstGeom prst="roundRect">
            <a:avLst>
              <a:gd name="adj" fmla="val 5830"/>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b="1" dirty="0">
                <a:solidFill>
                  <a:srgbClr val="002060"/>
                </a:solidFill>
                <a:latin typeface="Calibri" panose="020F0502020204030204"/>
              </a:rPr>
              <a:t>Agile Development: Iterative Design-Build-Test Cycles (test case: Hepatitis C)</a:t>
            </a:r>
          </a:p>
          <a:p>
            <a:pPr algn="ctr" defTabSz="914377">
              <a:defRPr/>
            </a:pPr>
            <a:endParaRPr lang="en-US" b="1" dirty="0">
              <a:solidFill>
                <a:srgbClr val="002060"/>
              </a:solidFill>
              <a:latin typeface="Calibri" panose="020F0502020204030204"/>
            </a:endParaRPr>
          </a:p>
          <a:p>
            <a:pPr algn="ctr" defTabSz="914377">
              <a:defRPr/>
            </a:pPr>
            <a:endParaRPr lang="en-US" b="1" dirty="0">
              <a:solidFill>
                <a:srgbClr val="002060"/>
              </a:solidFill>
              <a:latin typeface="Calibri" panose="020F0502020204030204"/>
            </a:endParaRPr>
          </a:p>
          <a:p>
            <a:pPr algn="ctr" defTabSz="914377">
              <a:defRPr/>
            </a:pPr>
            <a:endParaRPr lang="en-US" b="1" dirty="0">
              <a:solidFill>
                <a:srgbClr val="002060"/>
              </a:solidFill>
              <a:latin typeface="Calibri" panose="020F0502020204030204"/>
            </a:endParaRPr>
          </a:p>
          <a:p>
            <a:pPr algn="ctr" defTabSz="914377">
              <a:defRPr/>
            </a:pPr>
            <a:endParaRPr lang="en-US" b="1" dirty="0">
              <a:solidFill>
                <a:srgbClr val="002060"/>
              </a:solidFill>
              <a:effectLst>
                <a:outerShdw blurRad="38100" dist="38100" dir="2700000" algn="tl">
                  <a:srgbClr val="000000">
                    <a:alpha val="43137"/>
                  </a:srgbClr>
                </a:outerShdw>
              </a:effectLst>
              <a:latin typeface="Calibri" panose="020F0502020204030204"/>
            </a:endParaRPr>
          </a:p>
        </p:txBody>
      </p:sp>
      <p:sp>
        <p:nvSpPr>
          <p:cNvPr id="2" name="Rectangle 1"/>
          <p:cNvSpPr/>
          <p:nvPr/>
        </p:nvSpPr>
        <p:spPr>
          <a:xfrm>
            <a:off x="117057" y="575472"/>
            <a:ext cx="10954355" cy="57374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sz="2400" b="1" dirty="0">
                <a:solidFill>
                  <a:prstClr val="white"/>
                </a:solidFill>
                <a:effectLst>
                  <a:outerShdw blurRad="38100" dist="38100" dir="2700000" algn="tl">
                    <a:srgbClr val="000000">
                      <a:alpha val="43137"/>
                    </a:srgbClr>
                  </a:outerShdw>
                </a:effectLst>
                <a:latin typeface="Calibri" panose="020F0502020204030204"/>
              </a:rPr>
              <a:t>Technical Expert Panel:</a:t>
            </a:r>
          </a:p>
          <a:p>
            <a:pPr algn="ctr" defTabSz="914377">
              <a:defRPr/>
            </a:pPr>
            <a:r>
              <a:rPr lang="en-US" sz="1200" b="1" dirty="0">
                <a:solidFill>
                  <a:prstClr val="white"/>
                </a:solidFill>
                <a:latin typeface="Calibri" panose="020F0502020204030204"/>
              </a:rPr>
              <a:t>End Users, Data Recipients, Stakeholders – Including representatives of additional use cases</a:t>
            </a:r>
          </a:p>
        </p:txBody>
      </p:sp>
      <p:sp>
        <p:nvSpPr>
          <p:cNvPr id="8" name="Rounded Rectangle 7"/>
          <p:cNvSpPr/>
          <p:nvPr/>
        </p:nvSpPr>
        <p:spPr>
          <a:xfrm>
            <a:off x="117059" y="1815469"/>
            <a:ext cx="3128165" cy="555812"/>
          </a:xfrm>
          <a:prstGeom prst="roundRect">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b="1" dirty="0">
                <a:solidFill>
                  <a:prstClr val="white"/>
                </a:solidFill>
                <a:latin typeface="Calibri" panose="020F0502020204030204"/>
              </a:rPr>
              <a:t>Fully Modeled Use Cases</a:t>
            </a:r>
          </a:p>
          <a:p>
            <a:pPr algn="ctr" defTabSz="914377">
              <a:defRPr/>
            </a:pPr>
            <a:r>
              <a:rPr lang="en-US" sz="1400" b="1" dirty="0">
                <a:solidFill>
                  <a:prstClr val="white"/>
                </a:solidFill>
                <a:latin typeface="Calibri" panose="020F0502020204030204"/>
              </a:rPr>
              <a:t>Hepatitis C, Cancer, Healthcare Surveys</a:t>
            </a:r>
          </a:p>
        </p:txBody>
      </p:sp>
      <p:sp>
        <p:nvSpPr>
          <p:cNvPr id="9" name="Rounded Rectangle 8"/>
          <p:cNvSpPr/>
          <p:nvPr/>
        </p:nvSpPr>
        <p:spPr>
          <a:xfrm>
            <a:off x="117059" y="2442998"/>
            <a:ext cx="3128165" cy="555812"/>
          </a:xfrm>
          <a:prstGeom prst="roundRect">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b="1" dirty="0">
                <a:solidFill>
                  <a:prstClr val="white"/>
                </a:solidFill>
                <a:latin typeface="Calibri" panose="020F0502020204030204"/>
              </a:rPr>
              <a:t>Technological Strategies</a:t>
            </a:r>
          </a:p>
          <a:p>
            <a:pPr algn="ctr" defTabSz="914377">
              <a:defRPr/>
            </a:pPr>
            <a:r>
              <a:rPr lang="en-US" sz="1400" b="1" dirty="0">
                <a:solidFill>
                  <a:prstClr val="white"/>
                </a:solidFill>
                <a:latin typeface="Calibri" panose="020F0502020204030204"/>
              </a:rPr>
              <a:t>To develop scalable and extensible application</a:t>
            </a:r>
          </a:p>
        </p:txBody>
      </p:sp>
      <p:sp>
        <p:nvSpPr>
          <p:cNvPr id="10" name="Rounded Rectangle 9"/>
          <p:cNvSpPr/>
          <p:nvPr/>
        </p:nvSpPr>
        <p:spPr>
          <a:xfrm>
            <a:off x="117058" y="1815469"/>
            <a:ext cx="3219166" cy="555812"/>
          </a:xfrm>
          <a:prstGeom prst="roundRect">
            <a:avLst/>
          </a:prstGeom>
          <a:solidFill>
            <a:schemeClr val="accent6">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b="1" dirty="0">
                <a:solidFill>
                  <a:prstClr val="white"/>
                </a:solidFill>
                <a:latin typeface="Calibri" panose="020F0502020204030204"/>
              </a:rPr>
              <a:t>Fully Modeled Use Cases</a:t>
            </a:r>
          </a:p>
          <a:p>
            <a:pPr algn="ctr" defTabSz="914377">
              <a:defRPr/>
            </a:pPr>
            <a:r>
              <a:rPr lang="en-US" sz="1200" b="1" dirty="0">
                <a:solidFill>
                  <a:prstClr val="white"/>
                </a:solidFill>
                <a:latin typeface="Calibri" panose="020F0502020204030204"/>
              </a:rPr>
              <a:t>Hepatitis C, Cancer, Healthcare Surveys</a:t>
            </a:r>
          </a:p>
        </p:txBody>
      </p:sp>
      <p:sp>
        <p:nvSpPr>
          <p:cNvPr id="11" name="Rounded Rectangle 10"/>
          <p:cNvSpPr/>
          <p:nvPr/>
        </p:nvSpPr>
        <p:spPr>
          <a:xfrm>
            <a:off x="117058" y="2442998"/>
            <a:ext cx="3248178" cy="555812"/>
          </a:xfrm>
          <a:prstGeom prst="roundRect">
            <a:avLst/>
          </a:prstGeom>
          <a:solidFill>
            <a:schemeClr val="accent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b="1" dirty="0">
                <a:solidFill>
                  <a:prstClr val="white"/>
                </a:solidFill>
                <a:latin typeface="Calibri" panose="020F0502020204030204"/>
              </a:rPr>
              <a:t>Technological Strategies</a:t>
            </a:r>
          </a:p>
          <a:p>
            <a:pPr algn="ctr" defTabSz="914377">
              <a:defRPr/>
            </a:pPr>
            <a:r>
              <a:rPr lang="en-US" sz="1200" b="1" dirty="0">
                <a:solidFill>
                  <a:prstClr val="white"/>
                </a:solidFill>
                <a:latin typeface="Calibri" panose="020F0502020204030204"/>
              </a:rPr>
              <a:t>To develop scalable and extensible architecture</a:t>
            </a:r>
          </a:p>
        </p:txBody>
      </p:sp>
      <p:grpSp>
        <p:nvGrpSpPr>
          <p:cNvPr id="4" name="Group 3"/>
          <p:cNvGrpSpPr/>
          <p:nvPr/>
        </p:nvGrpSpPr>
        <p:grpSpPr>
          <a:xfrm>
            <a:off x="3352801" y="1815469"/>
            <a:ext cx="7718611" cy="555812"/>
            <a:chOff x="3352800" y="1815468"/>
            <a:chExt cx="7718611" cy="555812"/>
          </a:xfrm>
        </p:grpSpPr>
        <p:sp>
          <p:nvSpPr>
            <p:cNvPr id="12" name="Rounded Rectangle 11"/>
            <p:cNvSpPr/>
            <p:nvPr/>
          </p:nvSpPr>
          <p:spPr>
            <a:xfrm>
              <a:off x="3352800" y="1815468"/>
              <a:ext cx="7718611" cy="555812"/>
            </a:xfrm>
            <a:prstGeom prst="roundRect">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b="1" dirty="0">
                  <a:solidFill>
                    <a:prstClr val="white"/>
                  </a:solidFill>
                  <a:latin typeface="Calibri" panose="020F0502020204030204"/>
                </a:rPr>
                <a:t>Implementation Guides</a:t>
              </a:r>
            </a:p>
            <a:p>
              <a:pPr algn="ctr" defTabSz="914377">
                <a:defRPr/>
              </a:pPr>
              <a:r>
                <a:rPr lang="en-US" sz="1200" b="1" dirty="0">
                  <a:solidFill>
                    <a:prstClr val="white"/>
                  </a:solidFill>
                  <a:latin typeface="Calibri" panose="020F0502020204030204"/>
                </a:rPr>
                <a:t>For general use and for each use case</a:t>
              </a:r>
            </a:p>
          </p:txBody>
        </p:sp>
        <p:sp>
          <p:nvSpPr>
            <p:cNvPr id="74" name="Flowchart: Multidocument 73"/>
            <p:cNvSpPr/>
            <p:nvPr/>
          </p:nvSpPr>
          <p:spPr>
            <a:xfrm>
              <a:off x="3917575" y="1903773"/>
              <a:ext cx="636495" cy="358588"/>
            </a:xfrm>
            <a:prstGeom prst="flowChartMultidocumen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grpSp>
      <p:sp>
        <p:nvSpPr>
          <p:cNvPr id="75" name="Flowchart: Process 74"/>
          <p:cNvSpPr/>
          <p:nvPr/>
        </p:nvSpPr>
        <p:spPr>
          <a:xfrm>
            <a:off x="5012325" y="6400670"/>
            <a:ext cx="6056779" cy="352228"/>
          </a:xfrm>
          <a:prstGeom prst="flowChartProcess">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dirty="0">
                <a:solidFill>
                  <a:prstClr val="white"/>
                </a:solidFill>
                <a:latin typeface="Calibri" panose="020F0502020204030204"/>
              </a:rPr>
              <a:t>Measure and Evaluate</a:t>
            </a:r>
          </a:p>
        </p:txBody>
      </p:sp>
      <p:sp>
        <p:nvSpPr>
          <p:cNvPr id="77" name="Rounded Rectangle 76"/>
          <p:cNvSpPr/>
          <p:nvPr/>
        </p:nvSpPr>
        <p:spPr>
          <a:xfrm rot="16200000">
            <a:off x="8535620" y="3169406"/>
            <a:ext cx="6177425" cy="989557"/>
          </a:xfrm>
          <a:prstGeom prst="roundRect">
            <a:avLst>
              <a:gd name="adj" fmla="val 9335"/>
            </a:avLst>
          </a:prstGeom>
          <a:solidFill>
            <a:schemeClr val="accent1">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b="1" dirty="0">
                <a:solidFill>
                  <a:prstClr val="white"/>
                </a:solidFill>
                <a:latin typeface="Calibri" panose="020F0502020204030204"/>
              </a:rPr>
              <a:t>PRODUCTS:  </a:t>
            </a:r>
            <a:r>
              <a:rPr lang="en-US" dirty="0">
                <a:solidFill>
                  <a:prstClr val="white"/>
                </a:solidFill>
                <a:latin typeface="Calibri" panose="020F0502020204030204"/>
              </a:rPr>
              <a:t>Reference Architecture, Reference Implementation</a:t>
            </a:r>
          </a:p>
          <a:p>
            <a:pPr algn="ctr" defTabSz="914377">
              <a:defRPr/>
            </a:pPr>
            <a:r>
              <a:rPr lang="en-US" dirty="0">
                <a:solidFill>
                  <a:prstClr val="white"/>
                </a:solidFill>
                <a:latin typeface="Calibri" panose="020F0502020204030204"/>
              </a:rPr>
              <a:t>(Open Source Software) &amp;  Balloted Implementation Guides, Roadmap for Scalability and Sustainability</a:t>
            </a:r>
          </a:p>
        </p:txBody>
      </p:sp>
      <p:sp>
        <p:nvSpPr>
          <p:cNvPr id="66" name="Rectangle 65"/>
          <p:cNvSpPr/>
          <p:nvPr/>
        </p:nvSpPr>
        <p:spPr>
          <a:xfrm>
            <a:off x="126144" y="1195471"/>
            <a:ext cx="10954355" cy="573741"/>
          </a:xfrm>
          <a:prstGeom prst="rect">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b="1" dirty="0">
                <a:solidFill>
                  <a:prstClr val="white"/>
                </a:solidFill>
                <a:effectLst>
                  <a:outerShdw blurRad="38100" dist="38100" dir="2700000" algn="tl">
                    <a:srgbClr val="000000">
                      <a:alpha val="43137"/>
                    </a:srgbClr>
                  </a:outerShdw>
                </a:effectLst>
                <a:latin typeface="Calibri" panose="020F0502020204030204"/>
              </a:rPr>
              <a:t>Foundation of standards supported by health IT certification (CCDS/USCDI, APIs, FHIR)</a:t>
            </a:r>
            <a:endParaRPr lang="en-US" sz="1051" b="1" dirty="0">
              <a:solidFill>
                <a:prstClr val="white"/>
              </a:solidFill>
              <a:latin typeface="Calibri" panose="020F0502020204030204"/>
            </a:endParaRPr>
          </a:p>
        </p:txBody>
      </p:sp>
      <p:grpSp>
        <p:nvGrpSpPr>
          <p:cNvPr id="20" name="Group 19"/>
          <p:cNvGrpSpPr/>
          <p:nvPr/>
        </p:nvGrpSpPr>
        <p:grpSpPr>
          <a:xfrm>
            <a:off x="270060" y="4016662"/>
            <a:ext cx="3845465" cy="2334703"/>
            <a:chOff x="631512" y="3584623"/>
            <a:chExt cx="3631499" cy="2334702"/>
          </a:xfrm>
        </p:grpSpPr>
        <p:pic>
          <p:nvPicPr>
            <p:cNvPr id="56" name="Picture 55"/>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807195" y="3760869"/>
              <a:ext cx="360965" cy="362813"/>
            </a:xfrm>
            <a:prstGeom prst="rect">
              <a:avLst/>
            </a:prstGeom>
          </p:spPr>
        </p:pic>
        <p:sp>
          <p:nvSpPr>
            <p:cNvPr id="57" name="TextBox 56"/>
            <p:cNvSpPr txBox="1"/>
            <p:nvPr/>
          </p:nvSpPr>
          <p:spPr>
            <a:xfrm>
              <a:off x="1151580" y="3786539"/>
              <a:ext cx="1041300" cy="338554"/>
            </a:xfrm>
            <a:prstGeom prst="rect">
              <a:avLst/>
            </a:prstGeom>
            <a:noFill/>
          </p:spPr>
          <p:txBody>
            <a:bodyPr wrap="square" rtlCol="0">
              <a:spAutoFit/>
            </a:bodyPr>
            <a:lstStyle/>
            <a:p>
              <a:pPr defTabSz="914377">
                <a:defRPr/>
              </a:pPr>
              <a:r>
                <a:rPr lang="en-US" sz="1600" dirty="0">
                  <a:solidFill>
                    <a:prstClr val="black"/>
                  </a:solidFill>
                  <a:latin typeface="Calibri" panose="020F0502020204030204"/>
                </a:rPr>
                <a:t>Software</a:t>
              </a:r>
            </a:p>
          </p:txBody>
        </p:sp>
        <p:sp>
          <p:nvSpPr>
            <p:cNvPr id="58" name="TextBox 57"/>
            <p:cNvSpPr txBox="1"/>
            <p:nvPr/>
          </p:nvSpPr>
          <p:spPr>
            <a:xfrm>
              <a:off x="1184218" y="4202586"/>
              <a:ext cx="1921904" cy="338554"/>
            </a:xfrm>
            <a:prstGeom prst="rect">
              <a:avLst/>
            </a:prstGeom>
            <a:noFill/>
          </p:spPr>
          <p:txBody>
            <a:bodyPr wrap="square" rtlCol="0">
              <a:spAutoFit/>
            </a:bodyPr>
            <a:lstStyle/>
            <a:p>
              <a:pPr defTabSz="914377">
                <a:defRPr/>
              </a:pPr>
              <a:r>
                <a:rPr lang="en-US" sz="1600" dirty="0">
                  <a:solidFill>
                    <a:prstClr val="black"/>
                  </a:solidFill>
                  <a:latin typeface="Calibri" panose="020F0502020204030204"/>
                </a:rPr>
                <a:t>Clinical organization</a:t>
              </a:r>
            </a:p>
          </p:txBody>
        </p:sp>
        <p:sp>
          <p:nvSpPr>
            <p:cNvPr id="59" name="TextBox 58"/>
            <p:cNvSpPr txBox="1"/>
            <p:nvPr/>
          </p:nvSpPr>
          <p:spPr>
            <a:xfrm>
              <a:off x="1182229" y="4620973"/>
              <a:ext cx="1438465" cy="338554"/>
            </a:xfrm>
            <a:prstGeom prst="rect">
              <a:avLst/>
            </a:prstGeom>
            <a:noFill/>
          </p:spPr>
          <p:txBody>
            <a:bodyPr wrap="square" rtlCol="0">
              <a:spAutoFit/>
            </a:bodyPr>
            <a:lstStyle/>
            <a:p>
              <a:pPr defTabSz="914377">
                <a:defRPr/>
              </a:pPr>
              <a:r>
                <a:rPr lang="en-US" sz="1600" dirty="0">
                  <a:solidFill>
                    <a:prstClr val="black"/>
                  </a:solidFill>
                  <a:latin typeface="Calibri" panose="020F0502020204030204"/>
                </a:rPr>
                <a:t>EHR platform</a:t>
              </a:r>
            </a:p>
          </p:txBody>
        </p:sp>
        <p:grpSp>
          <p:nvGrpSpPr>
            <p:cNvPr id="72" name="Group 71"/>
            <p:cNvGrpSpPr/>
            <p:nvPr/>
          </p:nvGrpSpPr>
          <p:grpSpPr>
            <a:xfrm>
              <a:off x="839510" y="4209488"/>
              <a:ext cx="312072" cy="291609"/>
              <a:chOff x="162559" y="5670817"/>
              <a:chExt cx="313670" cy="291609"/>
            </a:xfrm>
          </p:grpSpPr>
          <p:sp>
            <p:nvSpPr>
              <p:cNvPr id="60" name="Rectangle 59"/>
              <p:cNvSpPr/>
              <p:nvPr/>
            </p:nvSpPr>
            <p:spPr>
              <a:xfrm>
                <a:off x="162559" y="5670817"/>
                <a:ext cx="313670" cy="291609"/>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sz="1600" dirty="0">
                  <a:solidFill>
                    <a:prstClr val="white"/>
                  </a:solidFill>
                  <a:latin typeface="Calibri" panose="020F0502020204030204"/>
                </a:endParaRPr>
              </a:p>
            </p:txBody>
          </p:sp>
          <p:sp>
            <p:nvSpPr>
              <p:cNvPr id="61" name="Cross 60"/>
              <p:cNvSpPr/>
              <p:nvPr/>
            </p:nvSpPr>
            <p:spPr>
              <a:xfrm>
                <a:off x="231572" y="5733834"/>
                <a:ext cx="201952" cy="177501"/>
              </a:xfrm>
              <a:prstGeom prst="plus">
                <a:avLst>
                  <a:gd name="adj" fmla="val 3690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sz="1600" dirty="0">
                  <a:solidFill>
                    <a:prstClr val="white"/>
                  </a:solidFill>
                  <a:latin typeface="Calibri" panose="020F0502020204030204"/>
                </a:endParaRPr>
              </a:p>
            </p:txBody>
          </p:sp>
        </p:grpSp>
        <p:sp>
          <p:nvSpPr>
            <p:cNvPr id="62" name="Flowchart: Magnetic Disk 61"/>
            <p:cNvSpPr/>
            <p:nvPr/>
          </p:nvSpPr>
          <p:spPr>
            <a:xfrm>
              <a:off x="863022" y="4657723"/>
              <a:ext cx="288560" cy="295835"/>
            </a:xfrm>
            <a:prstGeom prst="flowChartMagneticDisk">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sz="1600" dirty="0">
                <a:solidFill>
                  <a:prstClr val="white"/>
                </a:solidFill>
                <a:latin typeface="Calibri" panose="020F0502020204030204"/>
              </a:endParaRPr>
            </a:p>
          </p:txBody>
        </p:sp>
        <p:sp>
          <p:nvSpPr>
            <p:cNvPr id="3" name="Rectangle 2"/>
            <p:cNvSpPr/>
            <p:nvPr/>
          </p:nvSpPr>
          <p:spPr>
            <a:xfrm>
              <a:off x="631512" y="3584623"/>
              <a:ext cx="3631499" cy="2334702"/>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5" name="Flowchart: Connector 4"/>
            <p:cNvSpPr/>
            <p:nvPr/>
          </p:nvSpPr>
          <p:spPr>
            <a:xfrm>
              <a:off x="863623" y="5107134"/>
              <a:ext cx="287959" cy="259240"/>
            </a:xfrm>
            <a:prstGeom prst="flowChartConnector">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68" name="TextBox 67"/>
            <p:cNvSpPr txBox="1"/>
            <p:nvPr/>
          </p:nvSpPr>
          <p:spPr>
            <a:xfrm>
              <a:off x="1184994" y="5034677"/>
              <a:ext cx="3022522" cy="830997"/>
            </a:xfrm>
            <a:prstGeom prst="rect">
              <a:avLst/>
            </a:prstGeom>
            <a:noFill/>
          </p:spPr>
          <p:txBody>
            <a:bodyPr wrap="square" rtlCol="0">
              <a:spAutoFit/>
            </a:bodyPr>
            <a:lstStyle/>
            <a:p>
              <a:pPr defTabSz="914377">
                <a:defRPr/>
              </a:pPr>
              <a:r>
                <a:rPr lang="en-US" sz="1600" dirty="0">
                  <a:solidFill>
                    <a:prstClr val="black"/>
                  </a:solidFill>
                  <a:latin typeface="Calibri" panose="020F0502020204030204"/>
                </a:rPr>
                <a:t>Other testing partners (e.g., public health departments, registries, health IT developers, etc.)</a:t>
              </a:r>
            </a:p>
          </p:txBody>
        </p:sp>
      </p:grpSp>
      <p:grpSp>
        <p:nvGrpSpPr>
          <p:cNvPr id="6" name="Group 5"/>
          <p:cNvGrpSpPr/>
          <p:nvPr/>
        </p:nvGrpSpPr>
        <p:grpSpPr>
          <a:xfrm>
            <a:off x="4184185" y="4002610"/>
            <a:ext cx="6895407" cy="2348753"/>
            <a:chOff x="4418814" y="3570572"/>
            <a:chExt cx="6660776" cy="2348753"/>
          </a:xfrm>
        </p:grpSpPr>
        <p:sp>
          <p:nvSpPr>
            <p:cNvPr id="30" name="Rectangle 29"/>
            <p:cNvSpPr/>
            <p:nvPr/>
          </p:nvSpPr>
          <p:spPr>
            <a:xfrm>
              <a:off x="4418814" y="3570572"/>
              <a:ext cx="6660776" cy="2348753"/>
            </a:xfrm>
            <a:prstGeom prst="rect">
              <a:avLst/>
            </a:prstGeom>
            <a:solidFill>
              <a:schemeClr val="bg1">
                <a:lumMod val="6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sz="2400" b="1" dirty="0">
                  <a:solidFill>
                    <a:prstClr val="white"/>
                  </a:solidFill>
                  <a:effectLst>
                    <a:outerShdw blurRad="38100" dist="38100" dir="2700000" algn="tl">
                      <a:srgbClr val="000000">
                        <a:alpha val="43137"/>
                      </a:srgbClr>
                    </a:outerShdw>
                  </a:effectLst>
                  <a:latin typeface="Calibri" panose="020F0502020204030204"/>
                </a:rPr>
                <a:t>National Test Collaborative</a:t>
              </a:r>
            </a:p>
            <a:p>
              <a:pPr algn="ctr" defTabSz="914377">
                <a:defRPr/>
              </a:pPr>
              <a:r>
                <a:rPr lang="en-US" dirty="0">
                  <a:solidFill>
                    <a:prstClr val="white"/>
                  </a:solidFill>
                  <a:latin typeface="Calibri" panose="020F0502020204030204"/>
                </a:rPr>
                <a:t>Including a variety of clinical organizations and their EHR platforms</a:t>
              </a:r>
            </a:p>
            <a:p>
              <a:pPr algn="ctr" defTabSz="914377">
                <a:defRPr/>
              </a:pPr>
              <a:endParaRPr lang="en-US" dirty="0">
                <a:solidFill>
                  <a:prstClr val="white"/>
                </a:solidFill>
                <a:latin typeface="Calibri" panose="020F0502020204030204"/>
              </a:endParaRPr>
            </a:p>
            <a:p>
              <a:pPr algn="ctr" defTabSz="914377">
                <a:defRPr/>
              </a:pPr>
              <a:endParaRPr lang="en-US" dirty="0">
                <a:solidFill>
                  <a:prstClr val="white"/>
                </a:solidFill>
                <a:latin typeface="Calibri" panose="020F0502020204030204"/>
              </a:endParaRPr>
            </a:p>
            <a:p>
              <a:pPr algn="ctr" defTabSz="914377">
                <a:defRPr/>
              </a:pPr>
              <a:endParaRPr lang="en-US" dirty="0">
                <a:solidFill>
                  <a:prstClr val="white"/>
                </a:solidFill>
                <a:latin typeface="Calibri" panose="020F0502020204030204"/>
              </a:endParaRPr>
            </a:p>
            <a:p>
              <a:pPr algn="ctr" defTabSz="914377">
                <a:defRPr/>
              </a:pPr>
              <a:endParaRPr lang="en-US" dirty="0">
                <a:solidFill>
                  <a:prstClr val="white"/>
                </a:solidFill>
                <a:latin typeface="Calibri" panose="020F0502020204030204"/>
              </a:endParaRPr>
            </a:p>
            <a:p>
              <a:pPr algn="ctr" defTabSz="914377">
                <a:defRPr/>
              </a:pPr>
              <a:endParaRPr lang="en-US" dirty="0">
                <a:solidFill>
                  <a:prstClr val="white"/>
                </a:solidFill>
                <a:latin typeface="Calibri" panose="020F0502020204030204"/>
              </a:endParaRPr>
            </a:p>
            <a:p>
              <a:pPr algn="ctr" defTabSz="914377">
                <a:defRPr/>
              </a:pPr>
              <a:r>
                <a:rPr lang="en-US" dirty="0">
                  <a:solidFill>
                    <a:prstClr val="white"/>
                  </a:solidFill>
                  <a:latin typeface="Calibri" panose="020F0502020204030204"/>
                </a:rPr>
                <a:t>  </a:t>
              </a:r>
            </a:p>
          </p:txBody>
        </p:sp>
        <p:sp>
          <p:nvSpPr>
            <p:cNvPr id="31" name="Flowchart: Magnetic Disk 30"/>
            <p:cNvSpPr/>
            <p:nvPr/>
          </p:nvSpPr>
          <p:spPr>
            <a:xfrm>
              <a:off x="5133824" y="4531937"/>
              <a:ext cx="527701" cy="627529"/>
            </a:xfrm>
            <a:prstGeom prst="flowChartMagneticDisk">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32" name="Rectangle 31"/>
            <p:cNvSpPr/>
            <p:nvPr/>
          </p:nvSpPr>
          <p:spPr>
            <a:xfrm>
              <a:off x="4486899" y="4531937"/>
              <a:ext cx="570700" cy="618564"/>
            </a:xfrm>
            <a:prstGeom prst="rec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34" name="Cross 33"/>
            <p:cNvSpPr/>
            <p:nvPr/>
          </p:nvSpPr>
          <p:spPr>
            <a:xfrm>
              <a:off x="4588531" y="4657444"/>
              <a:ext cx="367437" cy="376518"/>
            </a:xfrm>
            <a:prstGeom prst="plus">
              <a:avLst>
                <a:gd name="adj" fmla="val 3690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35" name="Flowchart: Magnetic Disk 34"/>
            <p:cNvSpPr/>
            <p:nvPr/>
          </p:nvSpPr>
          <p:spPr>
            <a:xfrm>
              <a:off x="5856315" y="5354553"/>
              <a:ext cx="345937" cy="439270"/>
            </a:xfrm>
            <a:prstGeom prst="flowChartMagneticDisk">
              <a:avLst/>
            </a:prstGeom>
            <a:solidFill>
              <a:srgbClr val="33CCF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36" name="Rectangle 35"/>
            <p:cNvSpPr/>
            <p:nvPr/>
          </p:nvSpPr>
          <p:spPr>
            <a:xfrm>
              <a:off x="5404838" y="5360828"/>
              <a:ext cx="374125" cy="432995"/>
            </a:xfrm>
            <a:prstGeom prst="rect">
              <a:avLst/>
            </a:prstGeom>
            <a:solidFill>
              <a:srgbClr val="33CCF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37" name="Cross 36"/>
            <p:cNvSpPr/>
            <p:nvPr/>
          </p:nvSpPr>
          <p:spPr>
            <a:xfrm>
              <a:off x="5478628" y="5457653"/>
              <a:ext cx="240875" cy="263562"/>
            </a:xfrm>
            <a:prstGeom prst="plus">
              <a:avLst>
                <a:gd name="adj" fmla="val 3690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38" name="Flowchart: Magnetic Disk 37"/>
            <p:cNvSpPr/>
            <p:nvPr/>
          </p:nvSpPr>
          <p:spPr>
            <a:xfrm>
              <a:off x="6943207" y="4455999"/>
              <a:ext cx="664298" cy="862693"/>
            </a:xfrm>
            <a:prstGeom prst="flowChartMagneticDisk">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39" name="Rectangle 38"/>
            <p:cNvSpPr/>
            <p:nvPr/>
          </p:nvSpPr>
          <p:spPr>
            <a:xfrm>
              <a:off x="6150462" y="4468324"/>
              <a:ext cx="718427" cy="850368"/>
            </a:xfrm>
            <a:prstGeom prst="rect">
              <a:avLst/>
            </a:prstGeom>
            <a:solidFill>
              <a:schemeClr val="accent6">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0" name="Cross 39"/>
            <p:cNvSpPr/>
            <p:nvPr/>
          </p:nvSpPr>
          <p:spPr>
            <a:xfrm>
              <a:off x="6306816" y="4710870"/>
              <a:ext cx="367437" cy="376518"/>
            </a:xfrm>
            <a:prstGeom prst="plus">
              <a:avLst>
                <a:gd name="adj" fmla="val 3690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1" name="Flowchart: Magnetic Disk 40"/>
            <p:cNvSpPr/>
            <p:nvPr/>
          </p:nvSpPr>
          <p:spPr>
            <a:xfrm>
              <a:off x="7103361" y="5551773"/>
              <a:ext cx="252931" cy="295835"/>
            </a:xfrm>
            <a:prstGeom prst="flowChartMagneticDisk">
              <a:avLst/>
            </a:prstGeom>
            <a:solidFill>
              <a:srgbClr val="9933F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2" name="Rectangle 41"/>
            <p:cNvSpPr/>
            <p:nvPr/>
          </p:nvSpPr>
          <p:spPr>
            <a:xfrm>
              <a:off x="6773059" y="5555999"/>
              <a:ext cx="273541" cy="291609"/>
            </a:xfrm>
            <a:prstGeom prst="rect">
              <a:avLst/>
            </a:prstGeom>
            <a:solidFill>
              <a:srgbClr val="9933F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3" name="Cross 42"/>
            <p:cNvSpPr/>
            <p:nvPr/>
          </p:nvSpPr>
          <p:spPr>
            <a:xfrm>
              <a:off x="6833243" y="5619016"/>
              <a:ext cx="176115" cy="177501"/>
            </a:xfrm>
            <a:prstGeom prst="plus">
              <a:avLst>
                <a:gd name="adj" fmla="val 3690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4" name="Flowchart: Magnetic Disk 43"/>
            <p:cNvSpPr/>
            <p:nvPr/>
          </p:nvSpPr>
          <p:spPr>
            <a:xfrm>
              <a:off x="8461112" y="4514571"/>
              <a:ext cx="355710" cy="432084"/>
            </a:xfrm>
            <a:prstGeom prst="flowChartMagneticDisk">
              <a:avLst/>
            </a:prstGeom>
            <a:solidFill>
              <a:schemeClr val="accent5">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5" name="Rectangle 44"/>
            <p:cNvSpPr/>
            <p:nvPr/>
          </p:nvSpPr>
          <p:spPr>
            <a:xfrm>
              <a:off x="7986181" y="4520744"/>
              <a:ext cx="384694" cy="425911"/>
            </a:xfrm>
            <a:prstGeom prst="rect">
              <a:avLst/>
            </a:prstGeom>
            <a:solidFill>
              <a:schemeClr val="accent5">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6" name="Cross 45"/>
            <p:cNvSpPr/>
            <p:nvPr/>
          </p:nvSpPr>
          <p:spPr>
            <a:xfrm>
              <a:off x="8054688" y="4598120"/>
              <a:ext cx="247681" cy="259251"/>
            </a:xfrm>
            <a:prstGeom prst="plus">
              <a:avLst>
                <a:gd name="adj" fmla="val 3690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7" name="Flowchart: Magnetic Disk 46"/>
            <p:cNvSpPr/>
            <p:nvPr/>
          </p:nvSpPr>
          <p:spPr>
            <a:xfrm>
              <a:off x="10559221" y="5316899"/>
              <a:ext cx="406524" cy="502022"/>
            </a:xfrm>
            <a:prstGeom prst="flowChartMagneticDisk">
              <a:avLst/>
            </a:prstGeom>
            <a:solidFill>
              <a:srgbClr val="FF66F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8" name="Rectangle 47"/>
            <p:cNvSpPr/>
            <p:nvPr/>
          </p:nvSpPr>
          <p:spPr>
            <a:xfrm>
              <a:off x="10034276" y="5334827"/>
              <a:ext cx="439649" cy="494850"/>
            </a:xfrm>
            <a:prstGeom prst="rect">
              <a:avLst/>
            </a:prstGeom>
            <a:solidFill>
              <a:srgbClr val="FF66F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49" name="Cross 48"/>
            <p:cNvSpPr/>
            <p:nvPr/>
          </p:nvSpPr>
          <p:spPr>
            <a:xfrm>
              <a:off x="10127534" y="5437033"/>
              <a:ext cx="283062" cy="301214"/>
            </a:xfrm>
            <a:prstGeom prst="plus">
              <a:avLst>
                <a:gd name="adj" fmla="val 3690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50" name="Flowchart: Magnetic Disk 49"/>
            <p:cNvSpPr/>
            <p:nvPr/>
          </p:nvSpPr>
          <p:spPr>
            <a:xfrm>
              <a:off x="8466976" y="5211113"/>
              <a:ext cx="527701" cy="627529"/>
            </a:xfrm>
            <a:prstGeom prst="flowChartMagneticDisk">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51" name="Rectangle 50"/>
            <p:cNvSpPr/>
            <p:nvPr/>
          </p:nvSpPr>
          <p:spPr>
            <a:xfrm>
              <a:off x="7820052" y="5211113"/>
              <a:ext cx="570700" cy="618564"/>
            </a:xfrm>
            <a:prstGeom prst="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52" name="Cross 51"/>
            <p:cNvSpPr/>
            <p:nvPr/>
          </p:nvSpPr>
          <p:spPr>
            <a:xfrm>
              <a:off x="7921683" y="5336620"/>
              <a:ext cx="367437" cy="376518"/>
            </a:xfrm>
            <a:prstGeom prst="plus">
              <a:avLst>
                <a:gd name="adj" fmla="val 3690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53" name="Flowchart: Magnetic Disk 52"/>
            <p:cNvSpPr/>
            <p:nvPr/>
          </p:nvSpPr>
          <p:spPr>
            <a:xfrm>
              <a:off x="9805505" y="4350504"/>
              <a:ext cx="652787" cy="842681"/>
            </a:xfrm>
            <a:prstGeom prst="flowChartMagneticDisk">
              <a:avLst/>
            </a:prstGeom>
            <a:solidFill>
              <a:srgbClr val="008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54" name="Rectangle 53"/>
            <p:cNvSpPr/>
            <p:nvPr/>
          </p:nvSpPr>
          <p:spPr>
            <a:xfrm>
              <a:off x="9023506" y="4350504"/>
              <a:ext cx="705978" cy="830642"/>
            </a:xfrm>
            <a:prstGeom prst="rect">
              <a:avLst/>
            </a:prstGeom>
            <a:solidFill>
              <a:srgbClr val="008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55" name="Cross 54"/>
            <p:cNvSpPr/>
            <p:nvPr/>
          </p:nvSpPr>
          <p:spPr>
            <a:xfrm>
              <a:off x="9176388" y="4513020"/>
              <a:ext cx="454534" cy="505609"/>
            </a:xfrm>
            <a:prstGeom prst="plus">
              <a:avLst>
                <a:gd name="adj" fmla="val 36905"/>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69" name="Flowchart: Connector 68"/>
            <p:cNvSpPr/>
            <p:nvPr/>
          </p:nvSpPr>
          <p:spPr>
            <a:xfrm>
              <a:off x="4571693" y="5341255"/>
              <a:ext cx="287959" cy="259240"/>
            </a:xfrm>
            <a:prstGeom prst="flowChartConnector">
              <a:avLst/>
            </a:prstGeom>
            <a:solidFill>
              <a:schemeClr val="accent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73" name="Flowchart: Connector 72"/>
            <p:cNvSpPr/>
            <p:nvPr/>
          </p:nvSpPr>
          <p:spPr>
            <a:xfrm>
              <a:off x="9087690" y="5230453"/>
              <a:ext cx="423404" cy="336200"/>
            </a:xfrm>
            <a:prstGeom prst="flowChartConnector">
              <a:avLst/>
            </a:prstGeom>
            <a:solidFill>
              <a:srgbClr val="5B9BD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76" name="Flowchart: Connector 75"/>
            <p:cNvSpPr/>
            <p:nvPr/>
          </p:nvSpPr>
          <p:spPr>
            <a:xfrm>
              <a:off x="10651731" y="4260364"/>
              <a:ext cx="337587" cy="327470"/>
            </a:xfrm>
            <a:prstGeom prst="flowChartConnector">
              <a:avLst/>
            </a:prstGeom>
            <a:solidFill>
              <a:srgbClr val="4F6AC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0" name="Flowchart: Connector 79"/>
            <p:cNvSpPr/>
            <p:nvPr/>
          </p:nvSpPr>
          <p:spPr>
            <a:xfrm>
              <a:off x="4922303" y="5468095"/>
              <a:ext cx="404823" cy="361582"/>
            </a:xfrm>
            <a:prstGeom prst="flowChartConnector">
              <a:avLst/>
            </a:prstGeom>
            <a:solidFill>
              <a:srgbClr val="25B1AE"/>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1" name="Flowchart: Connector 80"/>
            <p:cNvSpPr/>
            <p:nvPr/>
          </p:nvSpPr>
          <p:spPr>
            <a:xfrm>
              <a:off x="7692225" y="4708841"/>
              <a:ext cx="182910" cy="182624"/>
            </a:xfrm>
            <a:prstGeom prst="flowChartConnector">
              <a:avLst/>
            </a:prstGeom>
            <a:solidFill>
              <a:schemeClr val="bg1">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2" name="Flowchart: Connector 81"/>
            <p:cNvSpPr/>
            <p:nvPr/>
          </p:nvSpPr>
          <p:spPr>
            <a:xfrm>
              <a:off x="6289939" y="5438299"/>
              <a:ext cx="397824" cy="372269"/>
            </a:xfrm>
            <a:prstGeom prst="flowChartConnector">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3" name="Flowchart: Connector 82"/>
            <p:cNvSpPr/>
            <p:nvPr/>
          </p:nvSpPr>
          <p:spPr>
            <a:xfrm>
              <a:off x="9165914" y="5624320"/>
              <a:ext cx="262697" cy="241354"/>
            </a:xfrm>
            <a:prstGeom prst="flowChartConnector">
              <a:avLst/>
            </a:prstGeom>
            <a:solidFill>
              <a:srgbClr val="6633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4" name="Flowchart: Connector 83"/>
            <p:cNvSpPr/>
            <p:nvPr/>
          </p:nvSpPr>
          <p:spPr>
            <a:xfrm>
              <a:off x="9532207" y="5411634"/>
              <a:ext cx="481482" cy="454039"/>
            </a:xfrm>
            <a:prstGeom prst="flowChartConnector">
              <a:avLst/>
            </a:prstGeom>
            <a:solidFill>
              <a:srgbClr val="00CC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5" name="Flowchart: Connector 84"/>
            <p:cNvSpPr/>
            <p:nvPr/>
          </p:nvSpPr>
          <p:spPr>
            <a:xfrm>
              <a:off x="5763429" y="4802826"/>
              <a:ext cx="299206" cy="287657"/>
            </a:xfrm>
            <a:prstGeom prst="flowChartConnector">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6" name="Flowchart: Connector 85"/>
            <p:cNvSpPr/>
            <p:nvPr/>
          </p:nvSpPr>
          <p:spPr>
            <a:xfrm>
              <a:off x="7430377" y="5341635"/>
              <a:ext cx="299206" cy="287657"/>
            </a:xfrm>
            <a:prstGeom prst="flowChartConnector">
              <a:avLst/>
            </a:prstGeom>
            <a:solidFill>
              <a:srgbClr val="00006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7" name="Flowchart: Connector 86"/>
            <p:cNvSpPr/>
            <p:nvPr/>
          </p:nvSpPr>
          <p:spPr>
            <a:xfrm>
              <a:off x="10571706" y="4695212"/>
              <a:ext cx="201803" cy="164621"/>
            </a:xfrm>
            <a:prstGeom prst="flowChartConnector">
              <a:avLst/>
            </a:prstGeom>
            <a:solidFill>
              <a:srgbClr val="66003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8" name="Flowchart: Connector 87"/>
            <p:cNvSpPr/>
            <p:nvPr/>
          </p:nvSpPr>
          <p:spPr>
            <a:xfrm>
              <a:off x="5661526" y="4249461"/>
              <a:ext cx="428074" cy="401089"/>
            </a:xfrm>
            <a:prstGeom prst="flowChartConnector">
              <a:avLst/>
            </a:prstGeom>
            <a:solidFill>
              <a:srgbClr val="FFCCF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sp>
          <p:nvSpPr>
            <p:cNvPr id="89" name="Flowchart: Connector 88"/>
            <p:cNvSpPr/>
            <p:nvPr/>
          </p:nvSpPr>
          <p:spPr>
            <a:xfrm>
              <a:off x="10651731" y="4953558"/>
              <a:ext cx="314391" cy="257555"/>
            </a:xfrm>
            <a:prstGeom prst="flowChartConnector">
              <a:avLst/>
            </a:prstGeom>
            <a:solidFill>
              <a:srgbClr val="FFFFCC"/>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white"/>
                </a:solidFill>
                <a:latin typeface="Calibri" panose="020F0502020204030204"/>
              </a:endParaRPr>
            </a:p>
          </p:txBody>
        </p:sp>
      </p:grpSp>
      <p:grpSp>
        <p:nvGrpSpPr>
          <p:cNvPr id="71" name="Group 70"/>
          <p:cNvGrpSpPr/>
          <p:nvPr/>
        </p:nvGrpSpPr>
        <p:grpSpPr>
          <a:xfrm>
            <a:off x="3579163" y="2810313"/>
            <a:ext cx="7319679" cy="1281955"/>
            <a:chOff x="3769661" y="1434352"/>
            <a:chExt cx="7319678" cy="1281955"/>
          </a:xfrm>
        </p:grpSpPr>
        <p:pic>
          <p:nvPicPr>
            <p:cNvPr id="7" name="Picture 6"/>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3769661" y="1434353"/>
              <a:ext cx="793375" cy="793375"/>
            </a:xfrm>
            <a:prstGeom prst="rect">
              <a:avLst/>
            </a:prstGeom>
          </p:spPr>
        </p:pic>
        <p:pic>
          <p:nvPicPr>
            <p:cNvPr id="13" name="Picture 12"/>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4701990" y="1434353"/>
              <a:ext cx="793375" cy="793375"/>
            </a:xfrm>
            <a:prstGeom prst="rect">
              <a:avLst/>
            </a:prstGeom>
          </p:spPr>
        </p:pic>
        <p:pic>
          <p:nvPicPr>
            <p:cNvPr id="14" name="Picture 13"/>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5634319" y="1434353"/>
              <a:ext cx="793375" cy="793375"/>
            </a:xfrm>
            <a:prstGeom prst="rect">
              <a:avLst/>
            </a:prstGeom>
          </p:spPr>
        </p:pic>
        <p:pic>
          <p:nvPicPr>
            <p:cNvPr id="15" name="Picture 14"/>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6566648" y="1434353"/>
              <a:ext cx="793375" cy="793375"/>
            </a:xfrm>
            <a:prstGeom prst="rect">
              <a:avLst/>
            </a:prstGeom>
          </p:spPr>
        </p:pic>
        <p:pic>
          <p:nvPicPr>
            <p:cNvPr id="16" name="Picture 15"/>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7498977" y="1434353"/>
              <a:ext cx="793375" cy="793375"/>
            </a:xfrm>
            <a:prstGeom prst="rect">
              <a:avLst/>
            </a:prstGeom>
          </p:spPr>
        </p:pic>
        <p:pic>
          <p:nvPicPr>
            <p:cNvPr id="17" name="Picture 16"/>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8431306" y="1434352"/>
              <a:ext cx="793375" cy="793375"/>
            </a:xfrm>
            <a:prstGeom prst="rect">
              <a:avLst/>
            </a:prstGeom>
          </p:spPr>
        </p:pic>
        <p:pic>
          <p:nvPicPr>
            <p:cNvPr id="18" name="Picture 17"/>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9363635" y="1434352"/>
              <a:ext cx="793375" cy="793375"/>
            </a:xfrm>
            <a:prstGeom prst="rect">
              <a:avLst/>
            </a:prstGeom>
          </p:spPr>
        </p:pic>
        <p:pic>
          <p:nvPicPr>
            <p:cNvPr id="19" name="Picture 18"/>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10295964" y="1434352"/>
              <a:ext cx="793375" cy="793375"/>
            </a:xfrm>
            <a:prstGeom prst="rect">
              <a:avLst/>
            </a:prstGeom>
          </p:spPr>
        </p:pic>
        <p:sp>
          <p:nvSpPr>
            <p:cNvPr id="21" name="Curved Up Arrow 20"/>
            <p:cNvSpPr/>
            <p:nvPr/>
          </p:nvSpPr>
          <p:spPr>
            <a:xfrm>
              <a:off x="4294095" y="2227727"/>
              <a:ext cx="804582" cy="479615"/>
            </a:xfrm>
            <a:prstGeom prst="curvedUpArrow">
              <a:avLst>
                <a:gd name="adj1" fmla="val 25000"/>
                <a:gd name="adj2" fmla="val 83878"/>
                <a:gd name="adj3" fmla="val 4369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black"/>
                </a:solidFill>
                <a:latin typeface="Calibri" panose="020F0502020204030204"/>
              </a:endParaRPr>
            </a:p>
          </p:txBody>
        </p:sp>
        <p:sp>
          <p:nvSpPr>
            <p:cNvPr id="22" name="Curved Up Arrow 21"/>
            <p:cNvSpPr/>
            <p:nvPr/>
          </p:nvSpPr>
          <p:spPr>
            <a:xfrm>
              <a:off x="5232028" y="2227727"/>
              <a:ext cx="804582" cy="479615"/>
            </a:xfrm>
            <a:prstGeom prst="curvedUpArrow">
              <a:avLst>
                <a:gd name="adj1" fmla="val 25000"/>
                <a:gd name="adj2" fmla="val 83878"/>
                <a:gd name="adj3" fmla="val 4369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black"/>
                </a:solidFill>
                <a:latin typeface="Calibri" panose="020F0502020204030204"/>
              </a:endParaRPr>
            </a:p>
          </p:txBody>
        </p:sp>
        <p:sp>
          <p:nvSpPr>
            <p:cNvPr id="23" name="Curved Up Arrow 22"/>
            <p:cNvSpPr/>
            <p:nvPr/>
          </p:nvSpPr>
          <p:spPr>
            <a:xfrm>
              <a:off x="6169960" y="2227727"/>
              <a:ext cx="804582" cy="479615"/>
            </a:xfrm>
            <a:prstGeom prst="curvedUpArrow">
              <a:avLst>
                <a:gd name="adj1" fmla="val 25000"/>
                <a:gd name="adj2" fmla="val 83878"/>
                <a:gd name="adj3" fmla="val 4369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black"/>
                </a:solidFill>
                <a:latin typeface="Calibri" panose="020F0502020204030204"/>
              </a:endParaRPr>
            </a:p>
          </p:txBody>
        </p:sp>
        <p:sp>
          <p:nvSpPr>
            <p:cNvPr id="24" name="Curved Up Arrow 23"/>
            <p:cNvSpPr/>
            <p:nvPr/>
          </p:nvSpPr>
          <p:spPr>
            <a:xfrm>
              <a:off x="7107892" y="2236692"/>
              <a:ext cx="804582" cy="479615"/>
            </a:xfrm>
            <a:prstGeom prst="curvedUpArrow">
              <a:avLst>
                <a:gd name="adj1" fmla="val 25000"/>
                <a:gd name="adj2" fmla="val 83878"/>
                <a:gd name="adj3" fmla="val 4369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black"/>
                </a:solidFill>
                <a:latin typeface="Calibri" panose="020F0502020204030204"/>
              </a:endParaRPr>
            </a:p>
          </p:txBody>
        </p:sp>
        <p:sp>
          <p:nvSpPr>
            <p:cNvPr id="25" name="Curved Up Arrow 24"/>
            <p:cNvSpPr/>
            <p:nvPr/>
          </p:nvSpPr>
          <p:spPr>
            <a:xfrm>
              <a:off x="8045824" y="2227726"/>
              <a:ext cx="804582" cy="479615"/>
            </a:xfrm>
            <a:prstGeom prst="curvedUpArrow">
              <a:avLst>
                <a:gd name="adj1" fmla="val 25000"/>
                <a:gd name="adj2" fmla="val 83878"/>
                <a:gd name="adj3" fmla="val 4369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black"/>
                </a:solidFill>
                <a:latin typeface="Calibri" panose="020F0502020204030204"/>
              </a:endParaRPr>
            </a:p>
          </p:txBody>
        </p:sp>
        <p:sp>
          <p:nvSpPr>
            <p:cNvPr id="26" name="Curved Up Arrow 25"/>
            <p:cNvSpPr/>
            <p:nvPr/>
          </p:nvSpPr>
          <p:spPr>
            <a:xfrm>
              <a:off x="8983756" y="2236692"/>
              <a:ext cx="804582" cy="479615"/>
            </a:xfrm>
            <a:prstGeom prst="curvedUpArrow">
              <a:avLst>
                <a:gd name="adj1" fmla="val 25000"/>
                <a:gd name="adj2" fmla="val 83878"/>
                <a:gd name="adj3" fmla="val 4369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black"/>
                </a:solidFill>
                <a:latin typeface="Calibri" panose="020F0502020204030204"/>
              </a:endParaRPr>
            </a:p>
          </p:txBody>
        </p:sp>
        <p:sp>
          <p:nvSpPr>
            <p:cNvPr id="27" name="Curved Up Arrow 26"/>
            <p:cNvSpPr/>
            <p:nvPr/>
          </p:nvSpPr>
          <p:spPr>
            <a:xfrm>
              <a:off x="9921688" y="2227726"/>
              <a:ext cx="804582" cy="479615"/>
            </a:xfrm>
            <a:prstGeom prst="curvedUpArrow">
              <a:avLst>
                <a:gd name="adj1" fmla="val 25000"/>
                <a:gd name="adj2" fmla="val 83878"/>
                <a:gd name="adj3" fmla="val 4369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en-US" dirty="0">
                <a:solidFill>
                  <a:prstClr val="black"/>
                </a:solidFill>
                <a:latin typeface="Calibri" panose="020F0502020204030204"/>
              </a:endParaRPr>
            </a:p>
          </p:txBody>
        </p:sp>
      </p:grpSp>
      <p:sp>
        <p:nvSpPr>
          <p:cNvPr id="29" name="TextBox 28"/>
          <p:cNvSpPr txBox="1"/>
          <p:nvPr/>
        </p:nvSpPr>
        <p:spPr>
          <a:xfrm>
            <a:off x="42692" y="30929"/>
            <a:ext cx="12192000" cy="584775"/>
          </a:xfrm>
          <a:prstGeom prst="rect">
            <a:avLst/>
          </a:prstGeom>
          <a:noFill/>
        </p:spPr>
        <p:txBody>
          <a:bodyPr wrap="square" rtlCol="0">
            <a:spAutoFit/>
          </a:bodyPr>
          <a:lstStyle/>
          <a:p>
            <a:pPr algn="ctr" defTabSz="914377">
              <a:defRPr/>
            </a:pPr>
            <a:r>
              <a:rPr lang="en-US" sz="3200" b="1" dirty="0">
                <a:solidFill>
                  <a:srgbClr val="5B9BD5">
                    <a:lumMod val="50000"/>
                  </a:srgbClr>
                </a:solidFill>
                <a:latin typeface="Calibri" panose="020F0502020204030204"/>
              </a:rPr>
              <a:t>Making EHR Data More Available for Research and Public Health</a:t>
            </a:r>
          </a:p>
        </p:txBody>
      </p:sp>
      <p:sp>
        <p:nvSpPr>
          <p:cNvPr id="90" name="Flowchart: Process 89"/>
          <p:cNvSpPr/>
          <p:nvPr/>
        </p:nvSpPr>
        <p:spPr>
          <a:xfrm>
            <a:off x="456093" y="6400670"/>
            <a:ext cx="4556235" cy="352228"/>
          </a:xfrm>
          <a:prstGeom prst="flowChartProcess">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r>
              <a:rPr lang="en-US" b="1" dirty="0">
                <a:solidFill>
                  <a:prstClr val="black"/>
                </a:solidFill>
                <a:latin typeface="Calibri" panose="020F0502020204030204"/>
              </a:rPr>
              <a:t>Evaluation Planning</a:t>
            </a:r>
          </a:p>
        </p:txBody>
      </p:sp>
      <p:sp>
        <p:nvSpPr>
          <p:cNvPr id="63" name="TextBox 62"/>
          <p:cNvSpPr txBox="1"/>
          <p:nvPr/>
        </p:nvSpPr>
        <p:spPr>
          <a:xfrm>
            <a:off x="120957" y="3022641"/>
            <a:ext cx="3215267" cy="830997"/>
          </a:xfrm>
          <a:prstGeom prst="rect">
            <a:avLst/>
          </a:prstGeom>
          <a:noFill/>
        </p:spPr>
        <p:txBody>
          <a:bodyPr wrap="square" rtlCol="0">
            <a:spAutoFit/>
          </a:bodyPr>
          <a:lstStyle/>
          <a:p>
            <a:pPr defTabSz="914377"/>
            <a:r>
              <a:rPr lang="en-US" sz="1200" b="1" dirty="0">
                <a:solidFill>
                  <a:prstClr val="black"/>
                </a:solidFill>
                <a:latin typeface="Calibri" panose="020F0502020204030204"/>
              </a:rPr>
              <a:t>CCDS: </a:t>
            </a:r>
            <a:r>
              <a:rPr lang="en-US" sz="1200" dirty="0">
                <a:solidFill>
                  <a:prstClr val="black"/>
                </a:solidFill>
                <a:latin typeface="Calibri" panose="020F0502020204030204"/>
              </a:rPr>
              <a:t>Core Clinical Data Set</a:t>
            </a:r>
          </a:p>
          <a:p>
            <a:pPr defTabSz="914377"/>
            <a:r>
              <a:rPr lang="en-US" sz="1200" b="1" dirty="0">
                <a:solidFill>
                  <a:prstClr val="black"/>
                </a:solidFill>
                <a:latin typeface="Calibri" panose="020F0502020204030204"/>
              </a:rPr>
              <a:t>USCDI: </a:t>
            </a:r>
            <a:r>
              <a:rPr lang="en-US" sz="1200" dirty="0">
                <a:solidFill>
                  <a:prstClr val="black"/>
                </a:solidFill>
                <a:latin typeface="Calibri" panose="020F0502020204030204"/>
              </a:rPr>
              <a:t>US Core Data for Interoperability</a:t>
            </a:r>
          </a:p>
          <a:p>
            <a:pPr defTabSz="914377"/>
            <a:r>
              <a:rPr lang="en-US" sz="1200" b="1" dirty="0">
                <a:solidFill>
                  <a:prstClr val="black"/>
                </a:solidFill>
                <a:latin typeface="Calibri" panose="020F0502020204030204"/>
              </a:rPr>
              <a:t>APIs: </a:t>
            </a:r>
            <a:r>
              <a:rPr lang="en-US" sz="1200" dirty="0">
                <a:solidFill>
                  <a:prstClr val="black"/>
                </a:solidFill>
                <a:latin typeface="Calibri" panose="020F0502020204030204"/>
              </a:rPr>
              <a:t>Application Programming Interfaces</a:t>
            </a:r>
          </a:p>
          <a:p>
            <a:pPr defTabSz="914377"/>
            <a:r>
              <a:rPr lang="en-US" sz="1200" b="1" dirty="0">
                <a:solidFill>
                  <a:prstClr val="black"/>
                </a:solidFill>
                <a:latin typeface="Calibri" panose="020F0502020204030204"/>
              </a:rPr>
              <a:t>FHIR: </a:t>
            </a:r>
            <a:r>
              <a:rPr lang="en-US" sz="1200" dirty="0">
                <a:solidFill>
                  <a:prstClr val="black"/>
                </a:solidFill>
                <a:latin typeface="Calibri" panose="020F0502020204030204"/>
              </a:rPr>
              <a:t>Fast Healthcare Interoperability Resources</a:t>
            </a:r>
          </a:p>
        </p:txBody>
      </p:sp>
    </p:spTree>
    <p:extLst>
      <p:ext uri="{BB962C8B-B14F-4D97-AF65-F5344CB8AC3E}">
        <p14:creationId xmlns:p14="http://schemas.microsoft.com/office/powerpoint/2010/main" val="36249426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2"/>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8"/>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9"/>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4"/>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28"/>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71"/>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20"/>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6"/>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90"/>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7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8" grpId="0" animBg="1"/>
      <p:bldP spid="2" grpId="0" animBg="1"/>
      <p:bldP spid="8" grpId="0" animBg="1"/>
      <p:bldP spid="9" grpId="0" animBg="1"/>
      <p:bldP spid="10" grpId="0" animBg="1"/>
      <p:bldP spid="11" grpId="0" animBg="1"/>
      <p:bldP spid="75" grpId="0" animBg="1"/>
      <p:bldP spid="66" grpId="0" animBg="1"/>
      <p:bldP spid="90" grpId="0" animBg="1"/>
      <p:bldP spid="63" grpId="0"/>
    </p:bld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2FA556-4D22-4747-8450-E035158A0433}"/>
              </a:ext>
            </a:extLst>
          </p:cNvPr>
          <p:cNvSpPr>
            <a:spLocks noGrp="1"/>
          </p:cNvSpPr>
          <p:nvPr>
            <p:ph type="title"/>
          </p:nvPr>
        </p:nvSpPr>
        <p:spPr/>
        <p:txBody>
          <a:bodyPr>
            <a:normAutofit/>
          </a:bodyPr>
          <a:lstStyle/>
          <a:p>
            <a:r>
              <a:rPr lang="en-US" sz="4000" dirty="0"/>
              <a:t>Evaluation WG</a:t>
            </a:r>
          </a:p>
        </p:txBody>
      </p:sp>
      <p:sp>
        <p:nvSpPr>
          <p:cNvPr id="3" name="Content Placeholder 2">
            <a:extLst>
              <a:ext uri="{FF2B5EF4-FFF2-40B4-BE49-F238E27FC236}">
                <a16:creationId xmlns:a16="http://schemas.microsoft.com/office/drawing/2014/main" id="{174CD03F-E505-44D4-946B-0205A21119AB}"/>
              </a:ext>
            </a:extLst>
          </p:cNvPr>
          <p:cNvSpPr>
            <a:spLocks noGrp="1"/>
          </p:cNvSpPr>
          <p:nvPr>
            <p:ph idx="1"/>
          </p:nvPr>
        </p:nvSpPr>
        <p:spPr/>
        <p:txBody>
          <a:bodyPr/>
          <a:lstStyle/>
          <a:p>
            <a:r>
              <a:rPr lang="en-US" b="1" dirty="0"/>
              <a:t>Short-term evaluation</a:t>
            </a:r>
            <a:r>
              <a:rPr lang="en-US" dirty="0"/>
              <a:t>: focused on Hep C pilot </a:t>
            </a:r>
          </a:p>
          <a:p>
            <a:r>
              <a:rPr lang="en-US" b="1" dirty="0"/>
              <a:t>Long-term evaluation</a:t>
            </a:r>
            <a:r>
              <a:rPr lang="en-US" dirty="0"/>
              <a:t>: focused on broader impacts to research and public health</a:t>
            </a:r>
          </a:p>
        </p:txBody>
      </p:sp>
    </p:spTree>
    <p:extLst>
      <p:ext uri="{BB962C8B-B14F-4D97-AF65-F5344CB8AC3E}">
        <p14:creationId xmlns:p14="http://schemas.microsoft.com/office/powerpoint/2010/main" val="3629211735"/>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64C108-43E7-4319-9829-F2926ADDFABA}"/>
              </a:ext>
            </a:extLst>
          </p:cNvPr>
          <p:cNvSpPr>
            <a:spLocks noGrp="1"/>
          </p:cNvSpPr>
          <p:nvPr>
            <p:ph type="title"/>
          </p:nvPr>
        </p:nvSpPr>
        <p:spPr/>
        <p:txBody>
          <a:bodyPr>
            <a:normAutofit/>
          </a:bodyPr>
          <a:lstStyle/>
          <a:p>
            <a:r>
              <a:rPr lang="en-US" sz="4000" dirty="0"/>
              <a:t>Appendix B: HL7 FHIR Resources</a:t>
            </a:r>
          </a:p>
        </p:txBody>
      </p:sp>
    </p:spTree>
    <p:extLst>
      <p:ext uri="{BB962C8B-B14F-4D97-AF65-F5344CB8AC3E}">
        <p14:creationId xmlns:p14="http://schemas.microsoft.com/office/powerpoint/2010/main" val="4184444714"/>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5EB5D4-3108-4A31-9F22-9CE75745FDDC}"/>
              </a:ext>
            </a:extLst>
          </p:cNvPr>
          <p:cNvSpPr>
            <a:spLocks noGrp="1"/>
          </p:cNvSpPr>
          <p:nvPr>
            <p:ph type="title"/>
          </p:nvPr>
        </p:nvSpPr>
        <p:spPr/>
        <p:txBody>
          <a:bodyPr>
            <a:normAutofit/>
          </a:bodyPr>
          <a:lstStyle/>
          <a:p>
            <a:r>
              <a:rPr lang="en-US" sz="4000" dirty="0"/>
              <a:t>Helpful FHIR Links</a:t>
            </a:r>
          </a:p>
        </p:txBody>
      </p:sp>
      <p:sp>
        <p:nvSpPr>
          <p:cNvPr id="3" name="Content Placeholder 2">
            <a:extLst>
              <a:ext uri="{FF2B5EF4-FFF2-40B4-BE49-F238E27FC236}">
                <a16:creationId xmlns:a16="http://schemas.microsoft.com/office/drawing/2014/main" id="{D1712365-4958-4DA5-B296-B08D9DB2AB25}"/>
              </a:ext>
            </a:extLst>
          </p:cNvPr>
          <p:cNvSpPr>
            <a:spLocks noGrp="1"/>
          </p:cNvSpPr>
          <p:nvPr>
            <p:ph idx="1"/>
          </p:nvPr>
        </p:nvSpPr>
        <p:spPr/>
        <p:txBody>
          <a:bodyPr>
            <a:normAutofit fontScale="92500" lnSpcReduction="10000"/>
          </a:bodyPr>
          <a:lstStyle/>
          <a:p>
            <a:r>
              <a:rPr lang="en-US" dirty="0"/>
              <a:t>FHIR Home Page &amp; Summary:</a:t>
            </a:r>
          </a:p>
          <a:p>
            <a:pPr lvl="1"/>
            <a:r>
              <a:rPr lang="en-US" dirty="0">
                <a:hlinkClick r:id="rId2"/>
              </a:rPr>
              <a:t>https://hl7.org/fhir/</a:t>
            </a:r>
            <a:endParaRPr lang="en-US" dirty="0"/>
          </a:p>
          <a:p>
            <a:pPr lvl="1"/>
            <a:r>
              <a:rPr lang="en-US" dirty="0">
                <a:hlinkClick r:id="rId3"/>
              </a:rPr>
              <a:t>https://hl7.org/fhir/summary.html</a:t>
            </a:r>
            <a:endParaRPr lang="en-US" dirty="0"/>
          </a:p>
          <a:p>
            <a:r>
              <a:rPr lang="en-US" dirty="0"/>
              <a:t>FHIR Overview by user type:</a:t>
            </a:r>
          </a:p>
          <a:p>
            <a:pPr lvl="1"/>
            <a:r>
              <a:rPr lang="en-US" dirty="0"/>
              <a:t>General: </a:t>
            </a:r>
            <a:r>
              <a:rPr lang="en-US" u="sng" dirty="0">
                <a:hlinkClick r:id="rId4"/>
              </a:rPr>
              <a:t>https://www.hl7.org/fhir/overview.html</a:t>
            </a:r>
            <a:endParaRPr lang="en-US" dirty="0"/>
          </a:p>
          <a:p>
            <a:pPr lvl="1"/>
            <a:r>
              <a:rPr lang="en-US" dirty="0"/>
              <a:t>Developer: </a:t>
            </a:r>
            <a:r>
              <a:rPr lang="en-US" u="sng" dirty="0">
                <a:hlinkClick r:id="rId5"/>
              </a:rPr>
              <a:t>https://www.hl7.org/fhir/overview-dev.html</a:t>
            </a:r>
            <a:endParaRPr lang="en-US" dirty="0"/>
          </a:p>
          <a:p>
            <a:pPr lvl="1"/>
            <a:r>
              <a:rPr lang="en-US" dirty="0"/>
              <a:t>Clinical: </a:t>
            </a:r>
            <a:r>
              <a:rPr lang="en-US" u="sng" dirty="0">
                <a:hlinkClick r:id="rId6"/>
              </a:rPr>
              <a:t>https://www.hl7.org/fhir/overview-clinical.html</a:t>
            </a:r>
            <a:endParaRPr lang="en-US" dirty="0"/>
          </a:p>
          <a:p>
            <a:pPr lvl="1"/>
            <a:r>
              <a:rPr lang="en-US" dirty="0"/>
              <a:t>Architects: </a:t>
            </a:r>
            <a:r>
              <a:rPr lang="en-US" u="sng" dirty="0">
                <a:hlinkClick r:id="rId7"/>
              </a:rPr>
              <a:t>https://www.hl7.org/fhir/overview-arch.html</a:t>
            </a:r>
            <a:endParaRPr lang="en-US" u="sng" dirty="0"/>
          </a:p>
          <a:p>
            <a:r>
              <a:rPr lang="en-US" dirty="0"/>
              <a:t>FHIR Implementation Guide Publishing: </a:t>
            </a:r>
            <a:r>
              <a:rPr lang="en-US" sz="2400" dirty="0">
                <a:hlinkClick r:id="rId8"/>
              </a:rPr>
              <a:t>https://confluence.hl7.org/display/FHIR/IG+Publisher+Documentation</a:t>
            </a:r>
            <a:endParaRPr lang="en-US" sz="2400" dirty="0"/>
          </a:p>
          <a:p>
            <a:r>
              <a:rPr lang="en-US" dirty="0"/>
              <a:t>FHIR Implementation Guide Process Flow: </a:t>
            </a:r>
            <a:r>
              <a:rPr lang="en-US" sz="2400" dirty="0">
                <a:hlinkClick r:id="rId9"/>
              </a:rPr>
              <a:t>https://confluence.hl7.org/display/FHIR/FHIR+Implementation+Guide+Process+Flow</a:t>
            </a:r>
            <a:endParaRPr lang="en-US" sz="2400" dirty="0"/>
          </a:p>
          <a:p>
            <a:endParaRPr lang="en-US" dirty="0"/>
          </a:p>
          <a:p>
            <a:endParaRPr lang="en-US" dirty="0"/>
          </a:p>
        </p:txBody>
      </p:sp>
    </p:spTree>
    <p:extLst>
      <p:ext uri="{BB962C8B-B14F-4D97-AF65-F5344CB8AC3E}">
        <p14:creationId xmlns:p14="http://schemas.microsoft.com/office/powerpoint/2010/main" val="115276087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E48357-2B1D-4C33-844B-E0FC3CECC022}"/>
              </a:ext>
            </a:extLst>
          </p:cNvPr>
          <p:cNvSpPr>
            <a:spLocks noGrp="1"/>
          </p:cNvSpPr>
          <p:nvPr>
            <p:ph type="title"/>
          </p:nvPr>
        </p:nvSpPr>
        <p:spPr>
          <a:xfrm>
            <a:off x="561975" y="147637"/>
            <a:ext cx="10515600" cy="1325563"/>
          </a:xfrm>
        </p:spPr>
        <p:txBody>
          <a:bodyPr>
            <a:normAutofit/>
          </a:bodyPr>
          <a:lstStyle/>
          <a:p>
            <a:r>
              <a:rPr lang="en-US" sz="3600" b="0" dirty="0"/>
              <a:t>MedMorph: Deliverables and Artifacts</a:t>
            </a:r>
          </a:p>
        </p:txBody>
      </p:sp>
      <p:sp>
        <p:nvSpPr>
          <p:cNvPr id="3" name="Content Placeholder 2">
            <a:extLst>
              <a:ext uri="{FF2B5EF4-FFF2-40B4-BE49-F238E27FC236}">
                <a16:creationId xmlns:a16="http://schemas.microsoft.com/office/drawing/2014/main" id="{D313D690-B600-4BE3-888B-23424ED47293}"/>
              </a:ext>
            </a:extLst>
          </p:cNvPr>
          <p:cNvSpPr>
            <a:spLocks noGrp="1"/>
          </p:cNvSpPr>
          <p:nvPr>
            <p:ph idx="1"/>
          </p:nvPr>
        </p:nvSpPr>
        <p:spPr/>
        <p:txBody>
          <a:bodyPr/>
          <a:lstStyle/>
          <a:p>
            <a:pPr marL="0" indent="0">
              <a:buNone/>
            </a:pPr>
            <a:endParaRPr lang="en-US" dirty="0"/>
          </a:p>
        </p:txBody>
      </p:sp>
      <p:graphicFrame>
        <p:nvGraphicFramePr>
          <p:cNvPr id="4" name="Table 4">
            <a:extLst>
              <a:ext uri="{FF2B5EF4-FFF2-40B4-BE49-F238E27FC236}">
                <a16:creationId xmlns:a16="http://schemas.microsoft.com/office/drawing/2014/main" id="{62A048D1-A96C-482F-92FF-C9064DF46B65}"/>
              </a:ext>
            </a:extLst>
          </p:cNvPr>
          <p:cNvGraphicFramePr>
            <a:graphicFrameLocks noGrp="1"/>
          </p:cNvGraphicFramePr>
          <p:nvPr>
            <p:extLst>
              <p:ext uri="{D42A27DB-BD31-4B8C-83A1-F6EECF244321}">
                <p14:modId xmlns:p14="http://schemas.microsoft.com/office/powerpoint/2010/main" val="2359992759"/>
              </p:ext>
            </p:extLst>
          </p:nvPr>
        </p:nvGraphicFramePr>
        <p:xfrm>
          <a:off x="561975" y="1473200"/>
          <a:ext cx="10515600" cy="4851400"/>
        </p:xfrm>
        <a:graphic>
          <a:graphicData uri="http://schemas.openxmlformats.org/drawingml/2006/table">
            <a:tbl>
              <a:tblPr firstRow="1" bandRow="1">
                <a:tableStyleId>{5C22544A-7EE6-4342-B048-85BDC9FD1C3A}</a:tableStyleId>
              </a:tblPr>
              <a:tblGrid>
                <a:gridCol w="3505200">
                  <a:extLst>
                    <a:ext uri="{9D8B030D-6E8A-4147-A177-3AD203B41FA5}">
                      <a16:colId xmlns:a16="http://schemas.microsoft.com/office/drawing/2014/main" val="638732863"/>
                    </a:ext>
                  </a:extLst>
                </a:gridCol>
                <a:gridCol w="3505200">
                  <a:extLst>
                    <a:ext uri="{9D8B030D-6E8A-4147-A177-3AD203B41FA5}">
                      <a16:colId xmlns:a16="http://schemas.microsoft.com/office/drawing/2014/main" val="618982031"/>
                    </a:ext>
                  </a:extLst>
                </a:gridCol>
                <a:gridCol w="3505200">
                  <a:extLst>
                    <a:ext uri="{9D8B030D-6E8A-4147-A177-3AD203B41FA5}">
                      <a16:colId xmlns:a16="http://schemas.microsoft.com/office/drawing/2014/main" val="2815919684"/>
                    </a:ext>
                  </a:extLst>
                </a:gridCol>
              </a:tblGrid>
              <a:tr h="370840">
                <a:tc>
                  <a:txBody>
                    <a:bodyPr/>
                    <a:lstStyle/>
                    <a:p>
                      <a:r>
                        <a:rPr lang="en-US" dirty="0"/>
                        <a:t>Artifact</a:t>
                      </a:r>
                    </a:p>
                  </a:txBody>
                  <a:tcPr/>
                </a:tc>
                <a:tc>
                  <a:txBody>
                    <a:bodyPr/>
                    <a:lstStyle/>
                    <a:p>
                      <a:r>
                        <a:rPr lang="en-US" dirty="0"/>
                        <a:t>Location</a:t>
                      </a:r>
                    </a:p>
                  </a:txBody>
                  <a:tcPr/>
                </a:tc>
                <a:tc>
                  <a:txBody>
                    <a:bodyPr/>
                    <a:lstStyle/>
                    <a:p>
                      <a:r>
                        <a:rPr lang="en-US" dirty="0"/>
                        <a:t>Use</a:t>
                      </a:r>
                    </a:p>
                  </a:txBody>
                  <a:tcPr/>
                </a:tc>
                <a:extLst>
                  <a:ext uri="{0D108BD9-81ED-4DB2-BD59-A6C34878D82A}">
                    <a16:rowId xmlns:a16="http://schemas.microsoft.com/office/drawing/2014/main" val="1408389673"/>
                  </a:ext>
                </a:extLst>
              </a:tr>
              <a:tr h="370840">
                <a:tc>
                  <a:txBody>
                    <a:bodyPr/>
                    <a:lstStyle/>
                    <a:p>
                      <a:r>
                        <a:rPr lang="en-US" dirty="0"/>
                        <a:t>Reference Architecture Confluence Page</a:t>
                      </a:r>
                    </a:p>
                  </a:txBody>
                  <a:tcPr/>
                </a:tc>
                <a:tc>
                  <a:txBody>
                    <a:bodyPr/>
                    <a:lstStyle/>
                    <a:p>
                      <a:r>
                        <a:rPr lang="en-US" dirty="0">
                          <a:hlinkClick r:id="rId2"/>
                        </a:rPr>
                        <a:t>https://carradora.atlassian.net/wiki/spaces/MedMorph/pages/545914881/Reference+Architecture+Document</a:t>
                      </a:r>
                      <a:endParaRPr lang="en-US" dirty="0"/>
                    </a:p>
                  </a:txBody>
                  <a:tcPr/>
                </a:tc>
                <a:tc>
                  <a:txBody>
                    <a:bodyPr/>
                    <a:lstStyle/>
                    <a:p>
                      <a:r>
                        <a:rPr lang="en-US" dirty="0"/>
                        <a:t>Content will feed into the RA HL7 FHIR Ballot</a:t>
                      </a:r>
                    </a:p>
                  </a:txBody>
                  <a:tcPr/>
                </a:tc>
                <a:extLst>
                  <a:ext uri="{0D108BD9-81ED-4DB2-BD59-A6C34878D82A}">
                    <a16:rowId xmlns:a16="http://schemas.microsoft.com/office/drawing/2014/main" val="3239695677"/>
                  </a:ext>
                </a:extLst>
              </a:tr>
              <a:tr h="370840">
                <a:tc>
                  <a:txBody>
                    <a:bodyPr/>
                    <a:lstStyle/>
                    <a:p>
                      <a:r>
                        <a:rPr lang="en-US" dirty="0"/>
                        <a:t>Health Care Survey Use Case Confluence Page</a:t>
                      </a:r>
                    </a:p>
                  </a:txBody>
                  <a:tcPr/>
                </a:tc>
                <a:tc>
                  <a:txBody>
                    <a:bodyPr/>
                    <a:lstStyle/>
                    <a:p>
                      <a:r>
                        <a:rPr lang="en-US" dirty="0">
                          <a:hlinkClick r:id="rId3"/>
                        </a:rPr>
                        <a:t>https://carradora.atlassian.net/wiki/spaces/MedMorph/pages/692060180/Health+Care+Survey+Use+Case+-+DRAFT</a:t>
                      </a:r>
                      <a:endParaRPr lang="en-US" dirty="0"/>
                    </a:p>
                  </a:txBody>
                  <a:tcPr/>
                </a:tc>
                <a:tc>
                  <a:txBody>
                    <a:bodyPr/>
                    <a:lstStyle/>
                    <a:p>
                      <a:r>
                        <a:rPr lang="en-US" dirty="0"/>
                        <a:t>User story should be supported by the RA</a:t>
                      </a:r>
                    </a:p>
                  </a:txBody>
                  <a:tcPr/>
                </a:tc>
                <a:extLst>
                  <a:ext uri="{0D108BD9-81ED-4DB2-BD59-A6C34878D82A}">
                    <a16:rowId xmlns:a16="http://schemas.microsoft.com/office/drawing/2014/main" val="4037507156"/>
                  </a:ext>
                </a:extLst>
              </a:tr>
              <a:tr h="370840">
                <a:tc>
                  <a:txBody>
                    <a:bodyPr/>
                    <a:lstStyle/>
                    <a:p>
                      <a:r>
                        <a:rPr lang="en-US" dirty="0"/>
                        <a:t>Hepatitis C Use Case Confluence Page</a:t>
                      </a:r>
                    </a:p>
                  </a:txBody>
                  <a:tcPr/>
                </a:tc>
                <a:tc>
                  <a:txBody>
                    <a:bodyPr/>
                    <a:lstStyle/>
                    <a:p>
                      <a:r>
                        <a:rPr lang="en-US" dirty="0">
                          <a:hlinkClick r:id="rId4"/>
                        </a:rPr>
                        <a:t>https://carradora.atlassian.net/wiki/spaces/MedMorph/pages/694452251/Hepatitis+C+Use+Case+-+DRAFT</a:t>
                      </a:r>
                      <a:endParaRPr lang="en-US" dirty="0"/>
                    </a:p>
                  </a:txBody>
                  <a:tcPr/>
                </a:tc>
                <a:tc>
                  <a:txBody>
                    <a:bodyPr/>
                    <a:lstStyle/>
                    <a:p>
                      <a:r>
                        <a:rPr lang="en-US" dirty="0"/>
                        <a:t>User story should be supported by the RA</a:t>
                      </a:r>
                    </a:p>
                  </a:txBody>
                  <a:tcPr/>
                </a:tc>
                <a:extLst>
                  <a:ext uri="{0D108BD9-81ED-4DB2-BD59-A6C34878D82A}">
                    <a16:rowId xmlns:a16="http://schemas.microsoft.com/office/drawing/2014/main" val="1497786516"/>
                  </a:ext>
                </a:extLst>
              </a:tr>
              <a:tr h="370840">
                <a:tc>
                  <a:txBody>
                    <a:bodyPr/>
                    <a:lstStyle/>
                    <a:p>
                      <a:r>
                        <a:rPr lang="en-US" dirty="0"/>
                        <a:t>Cancer Use Case Confluence Page</a:t>
                      </a:r>
                    </a:p>
                  </a:txBody>
                  <a:tcPr/>
                </a:tc>
                <a:tc>
                  <a:txBody>
                    <a:bodyPr/>
                    <a:lstStyle/>
                    <a:p>
                      <a:r>
                        <a:rPr lang="en-US" dirty="0">
                          <a:hlinkClick r:id="rId5"/>
                        </a:rPr>
                        <a:t>https://carradora.atlassian.net/wiki/spaces/MedMorph/pages/699990019/Cancer+Use+Case+-+DRAFT</a:t>
                      </a:r>
                      <a:endParaRPr lang="en-US" dirty="0"/>
                    </a:p>
                  </a:txBody>
                  <a:tcPr/>
                </a:tc>
                <a:tc>
                  <a:txBody>
                    <a:bodyPr/>
                    <a:lstStyle/>
                    <a:p>
                      <a:r>
                        <a:rPr lang="en-US" dirty="0"/>
                        <a:t>User story should be supported by the RA</a:t>
                      </a:r>
                    </a:p>
                  </a:txBody>
                  <a:tcPr/>
                </a:tc>
                <a:extLst>
                  <a:ext uri="{0D108BD9-81ED-4DB2-BD59-A6C34878D82A}">
                    <a16:rowId xmlns:a16="http://schemas.microsoft.com/office/drawing/2014/main" val="1236035643"/>
                  </a:ext>
                </a:extLst>
              </a:tr>
            </a:tbl>
          </a:graphicData>
        </a:graphic>
      </p:graphicFrame>
    </p:spTree>
    <p:extLst>
      <p:ext uri="{BB962C8B-B14F-4D97-AF65-F5344CB8AC3E}">
        <p14:creationId xmlns:p14="http://schemas.microsoft.com/office/powerpoint/2010/main" val="236089941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7161500D-16BE-4A07-94D5-F2A5377FB2A3}"/>
              </a:ext>
            </a:extLst>
          </p:cNvPr>
          <p:cNvSpPr>
            <a:spLocks noGrp="1"/>
          </p:cNvSpPr>
          <p:nvPr>
            <p:ph type="title"/>
          </p:nvPr>
        </p:nvSpPr>
        <p:spPr>
          <a:xfrm>
            <a:off x="180623" y="228600"/>
            <a:ext cx="9736636" cy="739185"/>
          </a:xfrm>
        </p:spPr>
        <p:txBody>
          <a:bodyPr>
            <a:noAutofit/>
          </a:bodyPr>
          <a:lstStyle/>
          <a:p>
            <a:pPr fontAlgn="base">
              <a:spcAft>
                <a:spcPct val="0"/>
              </a:spcAft>
            </a:pPr>
            <a:r>
              <a:rPr lang="en-US" sz="3600" b="0" dirty="0">
                <a:ea typeface="ＭＳ Ｐゴシック" charset="0"/>
                <a:cs typeface="Arial" pitchFamily="34" charset="0"/>
              </a:rPr>
              <a:t>HL7: Deliverables and Artifacts</a:t>
            </a:r>
          </a:p>
        </p:txBody>
      </p:sp>
      <p:graphicFrame>
        <p:nvGraphicFramePr>
          <p:cNvPr id="7" name="Table 4">
            <a:extLst>
              <a:ext uri="{FF2B5EF4-FFF2-40B4-BE49-F238E27FC236}">
                <a16:creationId xmlns:a16="http://schemas.microsoft.com/office/drawing/2014/main" id="{750AF550-701F-49C4-9E68-09B4648EB01C}"/>
              </a:ext>
            </a:extLst>
          </p:cNvPr>
          <p:cNvGraphicFramePr>
            <a:graphicFrameLocks noGrp="1"/>
          </p:cNvGraphicFramePr>
          <p:nvPr>
            <p:ph idx="1"/>
            <p:extLst>
              <p:ext uri="{D42A27DB-BD31-4B8C-83A1-F6EECF244321}">
                <p14:modId xmlns:p14="http://schemas.microsoft.com/office/powerpoint/2010/main" val="447019423"/>
              </p:ext>
            </p:extLst>
          </p:nvPr>
        </p:nvGraphicFramePr>
        <p:xfrm>
          <a:off x="95250" y="870541"/>
          <a:ext cx="11849100" cy="5914830"/>
        </p:xfrm>
        <a:graphic>
          <a:graphicData uri="http://schemas.openxmlformats.org/drawingml/2006/table">
            <a:tbl>
              <a:tblPr firstRow="1" bandRow="1">
                <a:tableStyleId>{5C22544A-7EE6-4342-B048-85BDC9FD1C3A}</a:tableStyleId>
              </a:tblPr>
              <a:tblGrid>
                <a:gridCol w="2353728">
                  <a:extLst>
                    <a:ext uri="{9D8B030D-6E8A-4147-A177-3AD203B41FA5}">
                      <a16:colId xmlns:a16="http://schemas.microsoft.com/office/drawing/2014/main" val="112584056"/>
                    </a:ext>
                  </a:extLst>
                </a:gridCol>
                <a:gridCol w="5209122">
                  <a:extLst>
                    <a:ext uri="{9D8B030D-6E8A-4147-A177-3AD203B41FA5}">
                      <a16:colId xmlns:a16="http://schemas.microsoft.com/office/drawing/2014/main" val="1957191507"/>
                    </a:ext>
                  </a:extLst>
                </a:gridCol>
                <a:gridCol w="4286250">
                  <a:extLst>
                    <a:ext uri="{9D8B030D-6E8A-4147-A177-3AD203B41FA5}">
                      <a16:colId xmlns:a16="http://schemas.microsoft.com/office/drawing/2014/main" val="3072109075"/>
                    </a:ext>
                  </a:extLst>
                </a:gridCol>
              </a:tblGrid>
              <a:tr h="296876">
                <a:tc>
                  <a:txBody>
                    <a:bodyPr/>
                    <a:lstStyle/>
                    <a:p>
                      <a:pPr algn="ctr"/>
                      <a:r>
                        <a:rPr lang="en-US" sz="1100" dirty="0"/>
                        <a:t>Date</a:t>
                      </a:r>
                    </a:p>
                  </a:txBody>
                  <a:tcPr marL="51177" marR="51177" marT="25589" marB="25589"/>
                </a:tc>
                <a:tc>
                  <a:txBody>
                    <a:bodyPr/>
                    <a:lstStyle/>
                    <a:p>
                      <a:pPr algn="ctr"/>
                      <a:r>
                        <a:rPr lang="en-US" sz="1100" dirty="0"/>
                        <a:t>Artifact </a:t>
                      </a:r>
                    </a:p>
                  </a:txBody>
                  <a:tcPr marL="51177" marR="51177" marT="25589" marB="25589"/>
                </a:tc>
                <a:tc>
                  <a:txBody>
                    <a:bodyPr/>
                    <a:lstStyle/>
                    <a:p>
                      <a:pPr algn="ctr"/>
                      <a:r>
                        <a:rPr lang="en-US" sz="1100" dirty="0"/>
                        <a:t>Status</a:t>
                      </a:r>
                    </a:p>
                  </a:txBody>
                  <a:tcPr marL="51177" marR="51177" marT="25589" marB="25589"/>
                </a:tc>
                <a:extLst>
                  <a:ext uri="{0D108BD9-81ED-4DB2-BD59-A6C34878D82A}">
                    <a16:rowId xmlns:a16="http://schemas.microsoft.com/office/drawing/2014/main" val="870578944"/>
                  </a:ext>
                </a:extLst>
              </a:tr>
              <a:tr h="282024">
                <a:tc>
                  <a:txBody>
                    <a:bodyPr/>
                    <a:lstStyle/>
                    <a:p>
                      <a:r>
                        <a:rPr lang="en-US" sz="1000" dirty="0"/>
                        <a:t>February 20, 2020</a:t>
                      </a:r>
                    </a:p>
                  </a:txBody>
                  <a:tcPr marL="51177" marR="51177" marT="25589" marB="25589"/>
                </a:tc>
                <a:tc>
                  <a:txBody>
                    <a:bodyPr/>
                    <a:lstStyle/>
                    <a:p>
                      <a:r>
                        <a:rPr lang="en-US" sz="1000" dirty="0"/>
                        <a:t>Draft PSS Presented to the HL7 Supporting WG</a:t>
                      </a:r>
                    </a:p>
                  </a:txBody>
                  <a:tcPr marL="51177" marR="51177" marT="25589" marB="25589"/>
                </a:tc>
                <a:tc>
                  <a:txBody>
                    <a:bodyPr/>
                    <a:lstStyle/>
                    <a:p>
                      <a:r>
                        <a:rPr lang="en-US" sz="1000" dirty="0"/>
                        <a:t>Completed</a:t>
                      </a:r>
                    </a:p>
                  </a:txBody>
                  <a:tcPr marL="51177" marR="51177" marT="25589" marB="25589"/>
                </a:tc>
                <a:extLst>
                  <a:ext uri="{0D108BD9-81ED-4DB2-BD59-A6C34878D82A}">
                    <a16:rowId xmlns:a16="http://schemas.microsoft.com/office/drawing/2014/main" val="2611354358"/>
                  </a:ext>
                </a:extLst>
              </a:tr>
              <a:tr h="634107">
                <a:tc>
                  <a:txBody>
                    <a:bodyPr/>
                    <a:lstStyle/>
                    <a:p>
                      <a:r>
                        <a:rPr lang="en-US" sz="1000" dirty="0"/>
                        <a:t>February 21, 2020</a:t>
                      </a:r>
                    </a:p>
                  </a:txBody>
                  <a:tcPr marL="51177" marR="51177" marT="25589" marB="25589"/>
                </a:tc>
                <a:tc>
                  <a:txBody>
                    <a:bodyPr/>
                    <a:lstStyle/>
                    <a:p>
                      <a:r>
                        <a:rPr lang="en-US" sz="1000" dirty="0"/>
                        <a:t>Submit PSS Scope Statement for September 2020 Ballot Cycle</a:t>
                      </a:r>
                    </a:p>
                  </a:txBody>
                  <a:tcPr marL="51177" marR="51177" marT="25589" marB="25589"/>
                </a:tc>
                <a:tc>
                  <a:txBody>
                    <a:bodyPr/>
                    <a:lstStyle/>
                    <a:p>
                      <a:r>
                        <a:rPr lang="en-US" sz="1000" dirty="0"/>
                        <a:t>Completed</a:t>
                      </a:r>
                    </a:p>
                    <a:p>
                      <a:pPr marL="0" marR="0" lvl="0" indent="0" algn="l" defTabSz="679320" rtl="0" eaLnBrk="1" fontAlgn="auto" latinLnBrk="0" hangingPunct="1">
                        <a:lnSpc>
                          <a:spcPct val="100000"/>
                        </a:lnSpc>
                        <a:spcBef>
                          <a:spcPts val="0"/>
                        </a:spcBef>
                        <a:spcAft>
                          <a:spcPts val="0"/>
                        </a:spcAft>
                        <a:buClrTx/>
                        <a:buSzTx/>
                        <a:buFontTx/>
                        <a:buNone/>
                        <a:tabLst/>
                        <a:defRPr/>
                      </a:pPr>
                      <a:r>
                        <a:rPr lang="en-US" sz="1000" dirty="0">
                          <a:hlinkClick r:id="rId2"/>
                        </a:rPr>
                        <a:t>https://confluence.hl7.org/display/PHWG/Making+EHR+Data+More+Available+for+Research+and+Public+Health+%28MedMorph%29+Reference+Architecture+HL7+FHIR+Implementation+Guide</a:t>
                      </a:r>
                      <a:endParaRPr lang="en-US" sz="1000" dirty="0"/>
                    </a:p>
                  </a:txBody>
                  <a:tcPr marL="51177" marR="51177" marT="25589" marB="25589"/>
                </a:tc>
                <a:extLst>
                  <a:ext uri="{0D108BD9-81ED-4DB2-BD59-A6C34878D82A}">
                    <a16:rowId xmlns:a16="http://schemas.microsoft.com/office/drawing/2014/main" val="3480152535"/>
                  </a:ext>
                </a:extLst>
              </a:tr>
              <a:tr h="317259">
                <a:tc>
                  <a:txBody>
                    <a:bodyPr/>
                    <a:lstStyle/>
                    <a:p>
                      <a:r>
                        <a:rPr lang="en-US" sz="1000" dirty="0"/>
                        <a:t>April 19, 2020</a:t>
                      </a:r>
                    </a:p>
                  </a:txBody>
                  <a:tcPr marL="51177" marR="51177" marT="25589" marB="25589"/>
                </a:tc>
                <a:tc>
                  <a:txBody>
                    <a:bodyPr/>
                    <a:lstStyle/>
                    <a:p>
                      <a:r>
                        <a:rPr lang="en-US" sz="1100" dirty="0"/>
                        <a:t>HL7 Steering Division Approval</a:t>
                      </a:r>
                    </a:p>
                  </a:txBody>
                  <a:tcPr marL="51177" marR="51177" marT="25589" marB="25589"/>
                </a:tc>
                <a:tc>
                  <a:txBody>
                    <a:bodyPr/>
                    <a:lstStyle/>
                    <a:p>
                      <a:r>
                        <a:rPr lang="en-US" sz="1000" dirty="0"/>
                        <a:t>Completed, PSS Approved</a:t>
                      </a:r>
                    </a:p>
                  </a:txBody>
                  <a:tcPr marL="51177" marR="51177" marT="25589" marB="25589"/>
                </a:tc>
                <a:extLst>
                  <a:ext uri="{0D108BD9-81ED-4DB2-BD59-A6C34878D82A}">
                    <a16:rowId xmlns:a16="http://schemas.microsoft.com/office/drawing/2014/main" val="176731252"/>
                  </a:ext>
                </a:extLst>
              </a:tr>
              <a:tr h="282024">
                <a:tc>
                  <a:txBody>
                    <a:bodyPr/>
                    <a:lstStyle/>
                    <a:p>
                      <a:r>
                        <a:rPr lang="en-US" sz="1000" dirty="0">
                          <a:highlight>
                            <a:srgbClr val="FFFF00"/>
                          </a:highlight>
                        </a:rPr>
                        <a:t>July 21</a:t>
                      </a:r>
                      <a:r>
                        <a:rPr lang="en-US" sz="1000" baseline="30000" dirty="0">
                          <a:highlight>
                            <a:srgbClr val="FFFF00"/>
                          </a:highlight>
                        </a:rPr>
                        <a:t>st</a:t>
                      </a:r>
                      <a:endParaRPr lang="en-US" sz="1000" dirty="0">
                        <a:highlight>
                          <a:srgbClr val="FFFF00"/>
                        </a:highlight>
                      </a:endParaRPr>
                    </a:p>
                  </a:txBody>
                  <a:tcPr marL="51177" marR="51177" marT="25589" marB="25589"/>
                </a:tc>
                <a:tc>
                  <a:txBody>
                    <a:bodyPr/>
                    <a:lstStyle/>
                    <a:p>
                      <a:r>
                        <a:rPr lang="en-US" sz="1100" dirty="0"/>
                        <a:t>Connectathon Proposal</a:t>
                      </a:r>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1334673784"/>
                  </a:ext>
                </a:extLst>
              </a:tr>
              <a:tr h="282024">
                <a:tc>
                  <a:txBody>
                    <a:bodyPr/>
                    <a:lstStyle/>
                    <a:p>
                      <a:r>
                        <a:rPr lang="en-US" sz="1000" dirty="0">
                          <a:highlight>
                            <a:srgbClr val="FFFF00"/>
                          </a:highlight>
                        </a:rPr>
                        <a:t>September 9</a:t>
                      </a:r>
                      <a:r>
                        <a:rPr lang="en-US" sz="1000" baseline="30000" dirty="0">
                          <a:highlight>
                            <a:srgbClr val="FFFF00"/>
                          </a:highlight>
                        </a:rPr>
                        <a:t>th</a:t>
                      </a:r>
                      <a:r>
                        <a:rPr lang="en-US" sz="1000" dirty="0">
                          <a:highlight>
                            <a:srgbClr val="FFFF00"/>
                          </a:highlight>
                        </a:rPr>
                        <a:t>-11</a:t>
                      </a:r>
                      <a:r>
                        <a:rPr lang="en-US" sz="1000" baseline="30000" dirty="0">
                          <a:highlight>
                            <a:srgbClr val="FFFF00"/>
                          </a:highlight>
                        </a:rPr>
                        <a:t>th</a:t>
                      </a:r>
                      <a:r>
                        <a:rPr lang="en-US" sz="1000" dirty="0">
                          <a:highlight>
                            <a:srgbClr val="FFFF00"/>
                          </a:highlight>
                        </a:rPr>
                        <a:t> </a:t>
                      </a:r>
                    </a:p>
                  </a:txBody>
                  <a:tcPr marL="51177" marR="51177" marT="25589" marB="25589"/>
                </a:tc>
                <a:tc>
                  <a:txBody>
                    <a:bodyPr/>
                    <a:lstStyle/>
                    <a:p>
                      <a:r>
                        <a:rPr lang="en-US" sz="1100" dirty="0"/>
                        <a:t>HL7 FHIR Connectathon – Virtual</a:t>
                      </a:r>
                    </a:p>
                    <a:p>
                      <a:r>
                        <a:rPr lang="en-US" sz="1100" dirty="0"/>
                        <a:t>(</a:t>
                      </a:r>
                      <a:r>
                        <a:rPr lang="en-US" sz="1100" dirty="0">
                          <a:hlinkClick r:id="rId3"/>
                        </a:rPr>
                        <a:t>https://www.hl7.org/events/fhir/connectathon/2020/09/</a:t>
                      </a:r>
                      <a:endParaRPr lang="en-US" sz="1100" dirty="0"/>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3994443943"/>
                  </a:ext>
                </a:extLst>
              </a:tr>
              <a:tr h="235499">
                <a:tc>
                  <a:txBody>
                    <a:bodyPr/>
                    <a:lstStyle/>
                    <a:p>
                      <a:r>
                        <a:rPr lang="en-US" sz="1000" dirty="0">
                          <a:highlight>
                            <a:srgbClr val="FFFF00"/>
                          </a:highlight>
                        </a:rPr>
                        <a:t>September 21</a:t>
                      </a:r>
                      <a:r>
                        <a:rPr lang="en-US" sz="1000" baseline="30000" dirty="0">
                          <a:highlight>
                            <a:srgbClr val="FFFF00"/>
                          </a:highlight>
                        </a:rPr>
                        <a:t>st</a:t>
                      </a:r>
                      <a:r>
                        <a:rPr lang="en-US" sz="1000" dirty="0">
                          <a:highlight>
                            <a:srgbClr val="FFFF00"/>
                          </a:highlight>
                        </a:rPr>
                        <a:t>-25</a:t>
                      </a:r>
                      <a:r>
                        <a:rPr lang="en-US" sz="1000" baseline="30000" dirty="0">
                          <a:highlight>
                            <a:srgbClr val="FFFF00"/>
                          </a:highlight>
                        </a:rPr>
                        <a:t>th</a:t>
                      </a:r>
                      <a:r>
                        <a:rPr lang="en-US" sz="1000" dirty="0">
                          <a:highlight>
                            <a:srgbClr val="FFFF00"/>
                          </a:highlight>
                        </a:rPr>
                        <a:t>, 2020</a:t>
                      </a:r>
                    </a:p>
                  </a:txBody>
                  <a:tcPr marL="51177" marR="51177" marT="25589" marB="25589"/>
                </a:tc>
                <a:tc>
                  <a:txBody>
                    <a:bodyPr/>
                    <a:lstStyle/>
                    <a:p>
                      <a:r>
                        <a:rPr lang="en-US" sz="1100" dirty="0"/>
                        <a:t>HL7 Workgroup Meeting – Virtual</a:t>
                      </a:r>
                    </a:p>
                    <a:p>
                      <a:r>
                        <a:rPr lang="en-US" sz="1100" dirty="0">
                          <a:hlinkClick r:id="rId4"/>
                        </a:rPr>
                        <a:t>https://www.hl7.org/events/working_group_meeting/2020/09/index.cfm?utm_source=HL7+Members+Verified+Oct+2019+Large+List&amp;utm_campaign=1c006492ee-EMAIL_CAMPAIGN_2018_01_29_COPY_01&amp;utm_medium=email&amp;utm_term=0_06eea0748f-1c006492ee-55792321</a:t>
                      </a:r>
                      <a:endParaRPr lang="en-US" sz="1100" dirty="0"/>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4212568211"/>
                  </a:ext>
                </a:extLst>
              </a:tr>
              <a:tr h="394077">
                <a:tc>
                  <a:txBody>
                    <a:bodyPr/>
                    <a:lstStyle/>
                    <a:p>
                      <a:r>
                        <a:rPr lang="en-US" sz="1000" b="1" dirty="0">
                          <a:highlight>
                            <a:srgbClr val="FFFF00"/>
                          </a:highlight>
                        </a:rPr>
                        <a:t>Submit FHIR IG Proposal</a:t>
                      </a:r>
                    </a:p>
                  </a:txBody>
                  <a:tcPr marL="51177" marR="51177" marT="25589" marB="25589"/>
                </a:tc>
                <a:tc>
                  <a:txBody>
                    <a:bodyPr/>
                    <a:lstStyle/>
                    <a:p>
                      <a:r>
                        <a:rPr lang="en-US" sz="1100" dirty="0"/>
                        <a:t>October 18</a:t>
                      </a:r>
                      <a:r>
                        <a:rPr lang="en-US" sz="1100" baseline="30000" dirty="0"/>
                        <a:t>th</a:t>
                      </a:r>
                      <a:r>
                        <a:rPr lang="en-US" sz="1100" dirty="0"/>
                        <a:t> </a:t>
                      </a:r>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1274756966"/>
                  </a:ext>
                </a:extLst>
              </a:tr>
              <a:tr h="394077">
                <a:tc>
                  <a:txBody>
                    <a:bodyPr/>
                    <a:lstStyle/>
                    <a:p>
                      <a:r>
                        <a:rPr lang="en-US" sz="1000" dirty="0">
                          <a:highlight>
                            <a:srgbClr val="FFFF00"/>
                          </a:highlight>
                        </a:rPr>
                        <a:t>Submit Notice For Intent to Ballot</a:t>
                      </a:r>
                    </a:p>
                  </a:txBody>
                  <a:tcPr marL="51177" marR="51177" marT="25589" marB="25589"/>
                </a:tc>
                <a:tc>
                  <a:txBody>
                    <a:bodyPr/>
                    <a:lstStyle/>
                    <a:p>
                      <a:r>
                        <a:rPr lang="en-US" sz="1100" dirty="0"/>
                        <a:t>November 1</a:t>
                      </a:r>
                      <a:r>
                        <a:rPr lang="en-US" sz="1100" baseline="30000" dirty="0"/>
                        <a:t>st</a:t>
                      </a:r>
                      <a:endParaRPr lang="en-US" sz="1100" dirty="0"/>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1883909223"/>
                  </a:ext>
                </a:extLst>
              </a:tr>
              <a:tr h="418763">
                <a:tc>
                  <a:txBody>
                    <a:bodyPr/>
                    <a:lstStyle/>
                    <a:p>
                      <a:r>
                        <a:rPr lang="en-US" sz="1000" dirty="0">
                          <a:highlight>
                            <a:srgbClr val="FFFF00"/>
                          </a:highlight>
                        </a:rPr>
                        <a:t>Substantive IG complete</a:t>
                      </a:r>
                    </a:p>
                  </a:txBody>
                  <a:tcPr marL="51177" marR="51177" marT="25589" marB="25589"/>
                </a:tc>
                <a:tc>
                  <a:txBody>
                    <a:bodyPr/>
                    <a:lstStyle/>
                    <a:p>
                      <a:r>
                        <a:rPr lang="en-US" sz="1100" dirty="0"/>
                        <a:t>November 1</a:t>
                      </a:r>
                      <a:r>
                        <a:rPr lang="en-US" sz="1100" baseline="30000" dirty="0"/>
                        <a:t>st</a:t>
                      </a:r>
                      <a:endParaRPr lang="en-US" sz="1100" dirty="0"/>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86409607"/>
                  </a:ext>
                </a:extLst>
              </a:tr>
              <a:tr h="398279">
                <a:tc>
                  <a:txBody>
                    <a:bodyPr/>
                    <a:lstStyle/>
                    <a:p>
                      <a:r>
                        <a:rPr lang="en-US" sz="1000" dirty="0">
                          <a:highlight>
                            <a:srgbClr val="FFFF00"/>
                          </a:highlight>
                        </a:rPr>
                        <a:t>Ballot Due</a:t>
                      </a:r>
                    </a:p>
                  </a:txBody>
                  <a:tcPr marL="51177" marR="51177" marT="25589" marB="25589"/>
                </a:tc>
                <a:tc>
                  <a:txBody>
                    <a:bodyPr/>
                    <a:lstStyle/>
                    <a:p>
                      <a:r>
                        <a:rPr lang="en-US" sz="1100" dirty="0"/>
                        <a:t>November 24</a:t>
                      </a:r>
                      <a:r>
                        <a:rPr lang="en-US" sz="1100" baseline="30000" dirty="0"/>
                        <a:t>th</a:t>
                      </a:r>
                      <a:endParaRPr lang="en-US" sz="1100" dirty="0"/>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4152232000"/>
                  </a:ext>
                </a:extLst>
              </a:tr>
              <a:tr h="398279">
                <a:tc>
                  <a:txBody>
                    <a:bodyPr/>
                    <a:lstStyle/>
                    <a:p>
                      <a:r>
                        <a:rPr lang="en-US" sz="1000" dirty="0">
                          <a:highlight>
                            <a:srgbClr val="FFFF00"/>
                          </a:highlight>
                        </a:rPr>
                        <a:t>Ballot opens for voting</a:t>
                      </a:r>
                    </a:p>
                  </a:txBody>
                  <a:tcPr marL="51177" marR="51177" marT="25589" marB="25589"/>
                </a:tc>
                <a:tc>
                  <a:txBody>
                    <a:bodyPr/>
                    <a:lstStyle/>
                    <a:p>
                      <a:r>
                        <a:rPr lang="en-US" sz="1100" dirty="0"/>
                        <a:t>December 13</a:t>
                      </a:r>
                      <a:r>
                        <a:rPr lang="en-US" sz="1100" baseline="30000" dirty="0"/>
                        <a:t>th</a:t>
                      </a:r>
                      <a:endParaRPr lang="en-US" sz="1100" dirty="0"/>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953609771"/>
                  </a:ext>
                </a:extLst>
              </a:tr>
              <a:tr h="398279">
                <a:tc>
                  <a:txBody>
                    <a:bodyPr/>
                    <a:lstStyle/>
                    <a:p>
                      <a:r>
                        <a:rPr lang="en-US" sz="1000" dirty="0">
                          <a:highlight>
                            <a:srgbClr val="FFFF00"/>
                          </a:highlight>
                        </a:rPr>
                        <a:t>January HL7 Connectathon</a:t>
                      </a:r>
                    </a:p>
                  </a:txBody>
                  <a:tcPr marL="51177" marR="51177" marT="25589" marB="25589"/>
                </a:tc>
                <a:tc>
                  <a:txBody>
                    <a:bodyPr/>
                    <a:lstStyle/>
                    <a:p>
                      <a:r>
                        <a:rPr lang="en-US" sz="1100" dirty="0"/>
                        <a:t>January 16-17, 2021</a:t>
                      </a:r>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1007978152"/>
                  </a:ext>
                </a:extLst>
              </a:tr>
              <a:tr h="398279">
                <a:tc>
                  <a:txBody>
                    <a:bodyPr/>
                    <a:lstStyle/>
                    <a:p>
                      <a:r>
                        <a:rPr lang="en-US" sz="1000" dirty="0">
                          <a:highlight>
                            <a:srgbClr val="FFFF00"/>
                          </a:highlight>
                        </a:rPr>
                        <a:t>January HL7 WG Meeting</a:t>
                      </a:r>
                    </a:p>
                  </a:txBody>
                  <a:tcPr marL="51177" marR="51177" marT="25589" marB="25589"/>
                </a:tc>
                <a:tc>
                  <a:txBody>
                    <a:bodyPr/>
                    <a:lstStyle/>
                    <a:p>
                      <a:r>
                        <a:rPr lang="en-US" sz="1100" dirty="0"/>
                        <a:t>January 18-22, 2021</a:t>
                      </a:r>
                    </a:p>
                  </a:txBody>
                  <a:tcPr marL="51177" marR="51177" marT="25589" marB="25589"/>
                </a:tc>
                <a:tc>
                  <a:txBody>
                    <a:bodyPr/>
                    <a:lstStyle/>
                    <a:p>
                      <a:endParaRPr lang="en-US" sz="1000" dirty="0"/>
                    </a:p>
                  </a:txBody>
                  <a:tcPr marL="51177" marR="51177" marT="25589" marB="25589"/>
                </a:tc>
                <a:extLst>
                  <a:ext uri="{0D108BD9-81ED-4DB2-BD59-A6C34878D82A}">
                    <a16:rowId xmlns:a16="http://schemas.microsoft.com/office/drawing/2014/main" val="2894762640"/>
                  </a:ext>
                </a:extLst>
              </a:tr>
            </a:tbl>
          </a:graphicData>
        </a:graphic>
      </p:graphicFrame>
    </p:spTree>
    <p:extLst>
      <p:ext uri="{BB962C8B-B14F-4D97-AF65-F5344CB8AC3E}">
        <p14:creationId xmlns:p14="http://schemas.microsoft.com/office/powerpoint/2010/main" val="21445256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7204032-930A-460B-AE62-78BEF0BEDDCA}"/>
              </a:ext>
            </a:extLst>
          </p:cNvPr>
          <p:cNvSpPr>
            <a:spLocks noGrp="1"/>
          </p:cNvSpPr>
          <p:nvPr>
            <p:ph type="ctrTitle"/>
          </p:nvPr>
        </p:nvSpPr>
        <p:spPr>
          <a:xfrm>
            <a:off x="375138" y="1122363"/>
            <a:ext cx="10117016" cy="2387600"/>
          </a:xfrm>
        </p:spPr>
        <p:txBody>
          <a:bodyPr>
            <a:normAutofit/>
          </a:bodyPr>
          <a:lstStyle/>
          <a:p>
            <a:pPr marL="0" marR="0" algn="l">
              <a:spcBef>
                <a:spcPts val="0"/>
              </a:spcBef>
              <a:spcAft>
                <a:spcPts val="0"/>
              </a:spcAft>
            </a:pPr>
            <a:r>
              <a:rPr lang="en-US" sz="4000" dirty="0">
                <a:solidFill>
                  <a:srgbClr val="0070C0"/>
                </a:solidFill>
                <a:latin typeface="+mn-lt"/>
              </a:rPr>
              <a:t>MCC eCare and MedMorph Projects Opportunities for collaboration</a:t>
            </a:r>
          </a:p>
        </p:txBody>
      </p:sp>
      <p:sp>
        <p:nvSpPr>
          <p:cNvPr id="5" name="Subtitle 4">
            <a:extLst>
              <a:ext uri="{FF2B5EF4-FFF2-40B4-BE49-F238E27FC236}">
                <a16:creationId xmlns:a16="http://schemas.microsoft.com/office/drawing/2014/main" id="{6A08F84E-AFB4-44FB-B4B7-1085EE666902}"/>
              </a:ext>
            </a:extLst>
          </p:cNvPr>
          <p:cNvSpPr>
            <a:spLocks noGrp="1"/>
          </p:cNvSpPr>
          <p:nvPr>
            <p:ph type="subTitle" idx="1"/>
          </p:nvPr>
        </p:nvSpPr>
        <p:spPr>
          <a:xfrm>
            <a:off x="351692" y="3754438"/>
            <a:ext cx="9144000" cy="1052019"/>
          </a:xfrm>
        </p:spPr>
        <p:txBody>
          <a:bodyPr/>
          <a:lstStyle/>
          <a:p>
            <a:pPr algn="l"/>
            <a:r>
              <a:rPr lang="en-US" sz="2400" dirty="0"/>
              <a:t>Jenna Norton, MPH</a:t>
            </a:r>
          </a:p>
          <a:p>
            <a:pPr algn="l"/>
            <a:endParaRPr lang="en-US" dirty="0"/>
          </a:p>
        </p:txBody>
      </p:sp>
      <p:cxnSp>
        <p:nvCxnSpPr>
          <p:cNvPr id="7" name="Straight Connector 6">
            <a:extLst>
              <a:ext uri="{FF2B5EF4-FFF2-40B4-BE49-F238E27FC236}">
                <a16:creationId xmlns:a16="http://schemas.microsoft.com/office/drawing/2014/main" id="{8E5BF276-A319-44C8-B1EA-844BB22946A7}"/>
              </a:ext>
            </a:extLst>
          </p:cNvPr>
          <p:cNvCxnSpPr/>
          <p:nvPr/>
        </p:nvCxnSpPr>
        <p:spPr>
          <a:xfrm>
            <a:off x="375138" y="3509963"/>
            <a:ext cx="9952892" cy="0"/>
          </a:xfrm>
          <a:prstGeom prst="line">
            <a:avLst/>
          </a:prstGeom>
          <a:ln w="444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2165922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ctrTitle"/>
          </p:nvPr>
        </p:nvSpPr>
        <p:spPr>
          <a:xfrm>
            <a:off x="616225" y="2130428"/>
            <a:ext cx="11072191" cy="1470025"/>
          </a:xfrm>
        </p:spPr>
        <p:txBody>
          <a:bodyPr>
            <a:normAutofit/>
          </a:bodyPr>
          <a:lstStyle/>
          <a:p>
            <a:r>
              <a:rPr lang="en-US" b="1" dirty="0"/>
              <a:t>MCC eCare and MedMorph Projects</a:t>
            </a:r>
            <a:br>
              <a:rPr lang="en-US" b="1" dirty="0"/>
            </a:br>
            <a:r>
              <a:rPr lang="en-US" dirty="0"/>
              <a:t>Opportunities for collaboration</a:t>
            </a:r>
          </a:p>
        </p:txBody>
      </p:sp>
      <p:sp>
        <p:nvSpPr>
          <p:cNvPr id="7" name="Subtitle 6"/>
          <p:cNvSpPr>
            <a:spLocks noGrp="1"/>
          </p:cNvSpPr>
          <p:nvPr>
            <p:ph type="subTitle" idx="1"/>
          </p:nvPr>
        </p:nvSpPr>
        <p:spPr/>
        <p:txBody>
          <a:bodyPr>
            <a:normAutofit/>
          </a:bodyPr>
          <a:lstStyle/>
          <a:p>
            <a:r>
              <a:rPr lang="en-US" sz="2400" dirty="0"/>
              <a:t>Jenna Norton, MPH</a:t>
            </a:r>
          </a:p>
          <a:p>
            <a:r>
              <a:rPr lang="en-US" sz="2400" dirty="0"/>
              <a:t>National Institute of Diabetes and Digestive and Kidney Diseases</a:t>
            </a:r>
          </a:p>
        </p:txBody>
      </p:sp>
    </p:spTree>
    <p:extLst>
      <p:ext uri="{BB962C8B-B14F-4D97-AF65-F5344CB8AC3E}">
        <p14:creationId xmlns:p14="http://schemas.microsoft.com/office/powerpoint/2010/main" val="209825742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73811" y="182880"/>
            <a:ext cx="10244379" cy="914400"/>
          </a:xfrm>
        </p:spPr>
        <p:txBody>
          <a:bodyPr>
            <a:normAutofit fontScale="90000"/>
          </a:bodyPr>
          <a:lstStyle/>
          <a:p>
            <a:r>
              <a:rPr lang="en-US" sz="3200" dirty="0"/>
              <a:t>Lack of infrastructure to share patient data across settings impedes clinical care</a:t>
            </a:r>
          </a:p>
        </p:txBody>
      </p:sp>
      <p:grpSp>
        <p:nvGrpSpPr>
          <p:cNvPr id="17" name="Group 16">
            <a:extLst>
              <a:ext uri="{FF2B5EF4-FFF2-40B4-BE49-F238E27FC236}">
                <a16:creationId xmlns:a16="http://schemas.microsoft.com/office/drawing/2014/main" id="{8F6C35A5-846D-854E-A8CB-D0EA14782994}"/>
              </a:ext>
            </a:extLst>
          </p:cNvPr>
          <p:cNvGrpSpPr/>
          <p:nvPr/>
        </p:nvGrpSpPr>
        <p:grpSpPr>
          <a:xfrm>
            <a:off x="3122654" y="1640705"/>
            <a:ext cx="5721099" cy="4250950"/>
            <a:chOff x="3122654" y="1640705"/>
            <a:chExt cx="5721099" cy="4250950"/>
          </a:xfrm>
        </p:grpSpPr>
        <p:grpSp>
          <p:nvGrpSpPr>
            <p:cNvPr id="40" name="Group 39">
              <a:extLst>
                <a:ext uri="{FF2B5EF4-FFF2-40B4-BE49-F238E27FC236}">
                  <a16:creationId xmlns:a16="http://schemas.microsoft.com/office/drawing/2014/main" id="{10593775-851F-AD4D-A3EE-FE6A082C9E69}"/>
                </a:ext>
              </a:extLst>
            </p:cNvPr>
            <p:cNvGrpSpPr>
              <a:grpSpLocks noChangeAspect="1"/>
            </p:cNvGrpSpPr>
            <p:nvPr/>
          </p:nvGrpSpPr>
          <p:grpSpPr>
            <a:xfrm>
              <a:off x="4038499" y="1709523"/>
              <a:ext cx="4805254" cy="4007715"/>
              <a:chOff x="1494303" y="1254387"/>
              <a:chExt cx="6083587" cy="5073884"/>
            </a:xfrm>
          </p:grpSpPr>
          <p:grpSp>
            <p:nvGrpSpPr>
              <p:cNvPr id="42" name="Group 41">
                <a:extLst>
                  <a:ext uri="{FF2B5EF4-FFF2-40B4-BE49-F238E27FC236}">
                    <a16:creationId xmlns:a16="http://schemas.microsoft.com/office/drawing/2014/main" id="{D40A3658-6D47-3F44-9E6C-FBD54AC9DCA2}"/>
                  </a:ext>
                </a:extLst>
              </p:cNvPr>
              <p:cNvGrpSpPr/>
              <p:nvPr/>
            </p:nvGrpSpPr>
            <p:grpSpPr>
              <a:xfrm>
                <a:off x="1494303" y="1254387"/>
                <a:ext cx="6083587" cy="5073884"/>
                <a:chOff x="-1345776" y="786729"/>
                <a:chExt cx="6083587" cy="5073884"/>
              </a:xfrm>
            </p:grpSpPr>
            <p:pic>
              <p:nvPicPr>
                <p:cNvPr id="52" name="Picture 51" descr="C:\Users\draw0003\AppData\Local\Microsoft\Windows\Temporary Internet Files\Content.IE5\WTZTIC9A\data_protection-280x300[1].jpg">
                  <a:extLst>
                    <a:ext uri="{FF2B5EF4-FFF2-40B4-BE49-F238E27FC236}">
                      <a16:creationId xmlns:a16="http://schemas.microsoft.com/office/drawing/2014/main" id="{3A898F42-A987-284C-B7E8-D5926A7F62DC}"/>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881349" y="786729"/>
                  <a:ext cx="1133475" cy="1214439"/>
                </a:xfrm>
                <a:prstGeom prst="rect">
                  <a:avLst/>
                </a:prstGeom>
                <a:noFill/>
                <a:extLst>
                  <a:ext uri="{909E8E84-426E-40dd-AFC4-6F175D3DCCD1}">
                    <a14:hiddenFill xmlns="" xmlns:a14="http://schemas.microsoft.com/office/drawing/2010/main">
                      <a:solidFill>
                        <a:srgbClr val="FFFFFF"/>
                      </a:solidFill>
                    </a14:hiddenFill>
                  </a:ext>
                </a:extLst>
              </p:spPr>
            </p:pic>
            <p:cxnSp>
              <p:nvCxnSpPr>
                <p:cNvPr id="53" name="Straight Connector 52">
                  <a:extLst>
                    <a:ext uri="{FF2B5EF4-FFF2-40B4-BE49-F238E27FC236}">
                      <a16:creationId xmlns:a16="http://schemas.microsoft.com/office/drawing/2014/main" id="{7435C89C-3229-944E-8D5B-54039896DD3D}"/>
                    </a:ext>
                  </a:extLst>
                </p:cNvPr>
                <p:cNvCxnSpPr/>
                <p:nvPr/>
              </p:nvCxnSpPr>
              <p:spPr>
                <a:xfrm flipH="1">
                  <a:off x="1788342" y="1380275"/>
                  <a:ext cx="518377" cy="0"/>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54" name="Straight Connector 53">
                  <a:extLst>
                    <a:ext uri="{FF2B5EF4-FFF2-40B4-BE49-F238E27FC236}">
                      <a16:creationId xmlns:a16="http://schemas.microsoft.com/office/drawing/2014/main" id="{947C6B19-0F62-CC4D-8C85-81FC044DF208}"/>
                    </a:ext>
                  </a:extLst>
                </p:cNvPr>
                <p:cNvCxnSpPr>
                  <a:cxnSpLocks/>
                </p:cNvCxnSpPr>
                <p:nvPr/>
              </p:nvCxnSpPr>
              <p:spPr>
                <a:xfrm flipV="1">
                  <a:off x="-1345775" y="1307033"/>
                  <a:ext cx="2215564" cy="1501269"/>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55" name="Straight Connector 54">
                  <a:extLst>
                    <a:ext uri="{FF2B5EF4-FFF2-40B4-BE49-F238E27FC236}">
                      <a16:creationId xmlns:a16="http://schemas.microsoft.com/office/drawing/2014/main" id="{56158D33-A0E0-B74B-80B1-3371CB014D05}"/>
                    </a:ext>
                  </a:extLst>
                </p:cNvPr>
                <p:cNvCxnSpPr>
                  <a:cxnSpLocks/>
                </p:cNvCxnSpPr>
                <p:nvPr/>
              </p:nvCxnSpPr>
              <p:spPr>
                <a:xfrm flipV="1">
                  <a:off x="-1128310" y="2219941"/>
                  <a:ext cx="3677899" cy="958221"/>
                </a:xfrm>
                <a:prstGeom prst="line">
                  <a:avLst/>
                </a:prstGeom>
                <a:ln w="57150" cmpd="sng">
                  <a:solidFill>
                    <a:schemeClr val="accent2"/>
                  </a:solidFill>
                  <a:prstDash val="dash"/>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62" name="Straight Connector 61">
                  <a:extLst>
                    <a:ext uri="{FF2B5EF4-FFF2-40B4-BE49-F238E27FC236}">
                      <a16:creationId xmlns:a16="http://schemas.microsoft.com/office/drawing/2014/main" id="{B8AB2C68-9A98-044D-AD8D-6C76601B9DF4}"/>
                    </a:ext>
                  </a:extLst>
                </p:cNvPr>
                <p:cNvCxnSpPr>
                  <a:cxnSpLocks/>
                </p:cNvCxnSpPr>
                <p:nvPr/>
              </p:nvCxnSpPr>
              <p:spPr>
                <a:xfrm>
                  <a:off x="-1345776" y="4518944"/>
                  <a:ext cx="2693086" cy="909839"/>
                </a:xfrm>
                <a:prstGeom prst="line">
                  <a:avLst/>
                </a:prstGeom>
                <a:ln w="57150" cmpd="sng">
                  <a:solidFill>
                    <a:schemeClr val="accent2"/>
                  </a:solidFill>
                  <a:prstDash val="dash"/>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66" name="Straight Connector 65">
                  <a:extLst>
                    <a:ext uri="{FF2B5EF4-FFF2-40B4-BE49-F238E27FC236}">
                      <a16:creationId xmlns:a16="http://schemas.microsoft.com/office/drawing/2014/main" id="{1A778826-1F9C-BF48-8B62-A5E5804FB1C4}"/>
                    </a:ext>
                  </a:extLst>
                </p:cNvPr>
                <p:cNvCxnSpPr>
                  <a:cxnSpLocks/>
                </p:cNvCxnSpPr>
                <p:nvPr/>
              </p:nvCxnSpPr>
              <p:spPr>
                <a:xfrm flipV="1">
                  <a:off x="-1007901" y="3385161"/>
                  <a:ext cx="4533328" cy="301631"/>
                </a:xfrm>
                <a:prstGeom prst="line">
                  <a:avLst/>
                </a:prstGeom>
                <a:ln w="57150" cmpd="sng">
                  <a:solidFill>
                    <a:schemeClr val="accent2"/>
                  </a:solidFill>
                  <a:prstDash val="dash"/>
                  <a:headEnd type="triangle" w="lg" len="sm"/>
                  <a:tailEnd type="triangle" w="lg" len="sm"/>
                </a:ln>
              </p:spPr>
              <p:style>
                <a:lnRef idx="2">
                  <a:schemeClr val="accent1"/>
                </a:lnRef>
                <a:fillRef idx="0">
                  <a:schemeClr val="accent1"/>
                </a:fillRef>
                <a:effectRef idx="1">
                  <a:schemeClr val="accent1"/>
                </a:effectRef>
                <a:fontRef idx="minor">
                  <a:schemeClr val="tx1"/>
                </a:fontRef>
              </p:style>
            </p:cxnSp>
            <p:pic>
              <p:nvPicPr>
                <p:cNvPr id="67" name="Picture 66" descr="C:\Users\draw0003\AppData\Local\Microsoft\Windows\Temporary Internet Files\Content.IE5\WTZTIC9A\data_protection-280x300[1].jpg">
                  <a:extLst>
                    <a:ext uri="{FF2B5EF4-FFF2-40B4-BE49-F238E27FC236}">
                      <a16:creationId xmlns:a16="http://schemas.microsoft.com/office/drawing/2014/main" id="{B01DDF5C-78DA-8E46-8EC8-11F8DE751D4E}"/>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3604337" y="4646176"/>
                  <a:ext cx="1133474" cy="1214437"/>
                </a:xfrm>
                <a:prstGeom prst="rect">
                  <a:avLst/>
                </a:prstGeom>
                <a:noFill/>
                <a:extLst>
                  <a:ext uri="{909E8E84-426E-40dd-AFC4-6F175D3DCCD1}">
                    <a14:hiddenFill xmlns="" xmlns:a14="http://schemas.microsoft.com/office/drawing/2010/main">
                      <a:solidFill>
                        <a:srgbClr val="FFFFFF"/>
                      </a:solidFill>
                    </a14:hiddenFill>
                  </a:ext>
                </a:extLst>
              </p:spPr>
            </p:pic>
            <p:cxnSp>
              <p:nvCxnSpPr>
                <p:cNvPr id="68" name="Straight Connector 67">
                  <a:extLst>
                    <a:ext uri="{FF2B5EF4-FFF2-40B4-BE49-F238E27FC236}">
                      <a16:creationId xmlns:a16="http://schemas.microsoft.com/office/drawing/2014/main" id="{D1894258-CE5D-4447-8FA2-F1634865A87D}"/>
                    </a:ext>
                  </a:extLst>
                </p:cNvPr>
                <p:cNvCxnSpPr>
                  <a:cxnSpLocks/>
                </p:cNvCxnSpPr>
                <p:nvPr/>
              </p:nvCxnSpPr>
              <p:spPr>
                <a:xfrm flipH="1">
                  <a:off x="2227170" y="5428782"/>
                  <a:ext cx="1298257" cy="3021"/>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70" name="Straight Connector 69">
                  <a:extLst>
                    <a:ext uri="{FF2B5EF4-FFF2-40B4-BE49-F238E27FC236}">
                      <a16:creationId xmlns:a16="http://schemas.microsoft.com/office/drawing/2014/main" id="{974DBCD0-D44E-7C44-8886-C92262B5B1DA}"/>
                    </a:ext>
                  </a:extLst>
                </p:cNvPr>
                <p:cNvCxnSpPr>
                  <a:cxnSpLocks/>
                </p:cNvCxnSpPr>
                <p:nvPr/>
              </p:nvCxnSpPr>
              <p:spPr>
                <a:xfrm>
                  <a:off x="4171074" y="4095610"/>
                  <a:ext cx="1" cy="429469"/>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71" name="Straight Connector 70">
                  <a:extLst>
                    <a:ext uri="{FF2B5EF4-FFF2-40B4-BE49-F238E27FC236}">
                      <a16:creationId xmlns:a16="http://schemas.microsoft.com/office/drawing/2014/main" id="{6DE7CE3D-D714-404B-9CA3-6AE42866AB8D}"/>
                    </a:ext>
                  </a:extLst>
                </p:cNvPr>
                <p:cNvCxnSpPr>
                  <a:cxnSpLocks/>
                </p:cNvCxnSpPr>
                <p:nvPr/>
              </p:nvCxnSpPr>
              <p:spPr>
                <a:xfrm>
                  <a:off x="-909716" y="4091070"/>
                  <a:ext cx="4529252" cy="855748"/>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grpSp>
          <p:pic>
            <p:nvPicPr>
              <p:cNvPr id="45" name="Picture 44">
                <a:extLst>
                  <a:ext uri="{FF2B5EF4-FFF2-40B4-BE49-F238E27FC236}">
                    <a16:creationId xmlns:a16="http://schemas.microsoft.com/office/drawing/2014/main" id="{E590B1D3-7106-374A-94D4-75A96937613A}"/>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flipH="1">
                <a:off x="6634811" y="2098040"/>
                <a:ext cx="752689" cy="493764"/>
              </a:xfrm>
              <a:prstGeom prst="rect">
                <a:avLst/>
              </a:prstGeom>
            </p:spPr>
          </p:pic>
          <p:cxnSp>
            <p:nvCxnSpPr>
              <p:cNvPr id="46" name="Straight Connector 45">
                <a:extLst>
                  <a:ext uri="{FF2B5EF4-FFF2-40B4-BE49-F238E27FC236}">
                    <a16:creationId xmlns:a16="http://schemas.microsoft.com/office/drawing/2014/main" id="{5FD1EC87-C6F5-0141-B87C-59B59682847B}"/>
                  </a:ext>
                </a:extLst>
              </p:cNvPr>
              <p:cNvCxnSpPr>
                <a:cxnSpLocks/>
              </p:cNvCxnSpPr>
              <p:nvPr/>
            </p:nvCxnSpPr>
            <p:spPr>
              <a:xfrm flipH="1">
                <a:off x="7026814" y="2682952"/>
                <a:ext cx="1" cy="484849"/>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cxnSp>
            <p:nvCxnSpPr>
              <p:cNvPr id="47" name="Straight Connector 46">
                <a:extLst>
                  <a:ext uri="{FF2B5EF4-FFF2-40B4-BE49-F238E27FC236}">
                    <a16:creationId xmlns:a16="http://schemas.microsoft.com/office/drawing/2014/main" id="{42047372-D4A8-854E-AE47-7E59E728439B}"/>
                  </a:ext>
                </a:extLst>
              </p:cNvPr>
              <p:cNvCxnSpPr>
                <a:cxnSpLocks/>
              </p:cNvCxnSpPr>
              <p:nvPr/>
            </p:nvCxnSpPr>
            <p:spPr>
              <a:xfrm>
                <a:off x="6237837" y="1800386"/>
                <a:ext cx="496468" cy="293155"/>
              </a:xfrm>
              <a:prstGeom prst="line">
                <a:avLst/>
              </a:prstGeom>
              <a:ln w="57150" cmpd="sng">
                <a:solidFill>
                  <a:schemeClr val="accent2"/>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grpSp>
        <p:pic>
          <p:nvPicPr>
            <p:cNvPr id="28" name="Picture 27">
              <a:extLst>
                <a:ext uri="{FF2B5EF4-FFF2-40B4-BE49-F238E27FC236}">
                  <a16:creationId xmlns:a16="http://schemas.microsoft.com/office/drawing/2014/main" id="{56F6F720-FF7A-3446-B085-E56AB7C4A9F1}"/>
                </a:ext>
              </a:extLst>
            </p:cNvPr>
            <p:cNvPicPr>
              <a:picLocks noChangeAspect="1"/>
            </p:cNvPicPr>
            <p:nvPr/>
          </p:nvPicPr>
          <p:blipFill rotWithShape="1">
            <a:blip r:embed="rId5" cstate="email">
              <a:extLst>
                <a:ext uri="{28A0092B-C50C-407E-A947-70E740481C1C}">
                  <a14:useLocalDpi xmlns:a14="http://schemas.microsoft.com/office/drawing/2010/main"/>
                </a:ext>
              </a:extLst>
            </a:blip>
            <a:srcRect l="12323" r="27933"/>
            <a:stretch/>
          </p:blipFill>
          <p:spPr>
            <a:xfrm>
              <a:off x="3122654" y="3334160"/>
              <a:ext cx="915399" cy="1381764"/>
            </a:xfrm>
            <a:prstGeom prst="rect">
              <a:avLst/>
            </a:prstGeom>
          </p:spPr>
        </p:pic>
        <p:pic>
          <p:nvPicPr>
            <p:cNvPr id="29" name="Picture 28">
              <a:extLst>
                <a:ext uri="{FF2B5EF4-FFF2-40B4-BE49-F238E27FC236}">
                  <a16:creationId xmlns:a16="http://schemas.microsoft.com/office/drawing/2014/main" id="{4D99F104-83E5-A745-AC04-BA0FBF247FF0}"/>
                </a:ext>
              </a:extLst>
            </p:cNvPr>
            <p:cNvPicPr>
              <a:picLocks noChangeAspect="1"/>
            </p:cNvPicPr>
            <p:nvPr/>
          </p:nvPicPr>
          <p:blipFill rotWithShape="1">
            <a:blip r:embed="rId6" cstate="email">
              <a:extLst>
                <a:ext uri="{28A0092B-C50C-407E-A947-70E740481C1C}">
                  <a14:useLocalDpi xmlns:a14="http://schemas.microsoft.com/office/drawing/2010/main"/>
                </a:ext>
              </a:extLst>
            </a:blip>
            <a:srcRect l="16709" r="15798" b="23851"/>
            <a:stretch/>
          </p:blipFill>
          <p:spPr>
            <a:xfrm>
              <a:off x="6968184" y="1640705"/>
              <a:ext cx="792252" cy="1037368"/>
            </a:xfrm>
            <a:prstGeom prst="rect">
              <a:avLst/>
            </a:prstGeom>
          </p:spPr>
        </p:pic>
        <p:pic>
          <p:nvPicPr>
            <p:cNvPr id="11" name="Picture 10">
              <a:extLst>
                <a:ext uri="{FF2B5EF4-FFF2-40B4-BE49-F238E27FC236}">
                  <a16:creationId xmlns:a16="http://schemas.microsoft.com/office/drawing/2014/main" id="{FF95647D-6C84-084B-B15D-BE850FD7C384}"/>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8037517" y="3231323"/>
              <a:ext cx="717171" cy="1059820"/>
            </a:xfrm>
            <a:prstGeom prst="rect">
              <a:avLst/>
            </a:prstGeom>
          </p:spPr>
        </p:pic>
        <p:pic>
          <p:nvPicPr>
            <p:cNvPr id="13" name="Picture 12">
              <a:extLst>
                <a:ext uri="{FF2B5EF4-FFF2-40B4-BE49-F238E27FC236}">
                  <a16:creationId xmlns:a16="http://schemas.microsoft.com/office/drawing/2014/main" id="{AD9F3EA4-5B23-C24C-8C10-3E52A7B39281}"/>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182084" y="4932406"/>
              <a:ext cx="662191" cy="959249"/>
            </a:xfrm>
            <a:prstGeom prst="rect">
              <a:avLst/>
            </a:prstGeom>
          </p:spPr>
        </p:pic>
      </p:grpSp>
      <p:sp>
        <p:nvSpPr>
          <p:cNvPr id="32" name="TextBox 31">
            <a:extLst>
              <a:ext uri="{FF2B5EF4-FFF2-40B4-BE49-F238E27FC236}">
                <a16:creationId xmlns:a16="http://schemas.microsoft.com/office/drawing/2014/main" id="{3535087E-DED2-884B-9D7F-9FD26F8D7D5D}"/>
              </a:ext>
            </a:extLst>
          </p:cNvPr>
          <p:cNvSpPr txBox="1"/>
          <p:nvPr/>
        </p:nvSpPr>
        <p:spPr>
          <a:xfrm>
            <a:off x="3122654" y="4757989"/>
            <a:ext cx="1087615" cy="307777"/>
          </a:xfrm>
          <a:prstGeom prst="rect">
            <a:avLst/>
          </a:prstGeom>
          <a:noFill/>
        </p:spPr>
        <p:txBody>
          <a:bodyPr wrap="square" rtlCol="0">
            <a:spAutoFit/>
          </a:bodyPr>
          <a:lstStyle/>
          <a:p>
            <a:pPr algn="ctr"/>
            <a:r>
              <a:rPr lang="en-US" sz="1400" dirty="0"/>
              <a:t>Patient</a:t>
            </a:r>
          </a:p>
        </p:txBody>
      </p:sp>
      <p:sp>
        <p:nvSpPr>
          <p:cNvPr id="33" name="TextBox 32">
            <a:extLst>
              <a:ext uri="{FF2B5EF4-FFF2-40B4-BE49-F238E27FC236}">
                <a16:creationId xmlns:a16="http://schemas.microsoft.com/office/drawing/2014/main" id="{A6FC46B8-3183-1A4E-9D5D-25B481256B35}"/>
              </a:ext>
            </a:extLst>
          </p:cNvPr>
          <p:cNvSpPr txBox="1"/>
          <p:nvPr/>
        </p:nvSpPr>
        <p:spPr>
          <a:xfrm>
            <a:off x="6872845" y="2631330"/>
            <a:ext cx="1087615" cy="307777"/>
          </a:xfrm>
          <a:prstGeom prst="rect">
            <a:avLst/>
          </a:prstGeom>
          <a:noFill/>
        </p:spPr>
        <p:txBody>
          <a:bodyPr wrap="square" rtlCol="0">
            <a:spAutoFit/>
          </a:bodyPr>
          <a:lstStyle/>
          <a:p>
            <a:pPr algn="ctr"/>
            <a:r>
              <a:rPr lang="en-US" sz="1400" dirty="0"/>
              <a:t>Clinician</a:t>
            </a:r>
          </a:p>
        </p:txBody>
      </p:sp>
      <p:sp>
        <p:nvSpPr>
          <p:cNvPr id="34" name="TextBox 33">
            <a:extLst>
              <a:ext uri="{FF2B5EF4-FFF2-40B4-BE49-F238E27FC236}">
                <a16:creationId xmlns:a16="http://schemas.microsoft.com/office/drawing/2014/main" id="{E771716F-161A-1947-9DC8-2AF12FB5B9D0}"/>
              </a:ext>
            </a:extLst>
          </p:cNvPr>
          <p:cNvSpPr txBox="1"/>
          <p:nvPr/>
        </p:nvSpPr>
        <p:spPr>
          <a:xfrm>
            <a:off x="7189713" y="4142732"/>
            <a:ext cx="1087615" cy="307777"/>
          </a:xfrm>
          <a:prstGeom prst="rect">
            <a:avLst/>
          </a:prstGeom>
          <a:noFill/>
        </p:spPr>
        <p:txBody>
          <a:bodyPr wrap="square" rtlCol="0">
            <a:spAutoFit/>
          </a:bodyPr>
          <a:lstStyle/>
          <a:p>
            <a:pPr algn="ctr"/>
            <a:r>
              <a:rPr lang="en-US" sz="1400" dirty="0"/>
              <a:t>Clinician</a:t>
            </a:r>
          </a:p>
        </p:txBody>
      </p:sp>
      <p:sp>
        <p:nvSpPr>
          <p:cNvPr id="35" name="TextBox 34">
            <a:extLst>
              <a:ext uri="{FF2B5EF4-FFF2-40B4-BE49-F238E27FC236}">
                <a16:creationId xmlns:a16="http://schemas.microsoft.com/office/drawing/2014/main" id="{7E5BA6B5-80AF-D049-AB80-79DC0AE96E5E}"/>
              </a:ext>
            </a:extLst>
          </p:cNvPr>
          <p:cNvSpPr txBox="1"/>
          <p:nvPr/>
        </p:nvSpPr>
        <p:spPr>
          <a:xfrm>
            <a:off x="6027723" y="6033440"/>
            <a:ext cx="1087615" cy="307777"/>
          </a:xfrm>
          <a:prstGeom prst="rect">
            <a:avLst/>
          </a:prstGeom>
          <a:noFill/>
        </p:spPr>
        <p:txBody>
          <a:bodyPr wrap="square" rtlCol="0">
            <a:spAutoFit/>
          </a:bodyPr>
          <a:lstStyle/>
          <a:p>
            <a:pPr algn="ctr"/>
            <a:r>
              <a:rPr lang="en-US" sz="1400" dirty="0"/>
              <a:t>Clinician</a:t>
            </a:r>
          </a:p>
        </p:txBody>
      </p:sp>
      <p:grpSp>
        <p:nvGrpSpPr>
          <p:cNvPr id="7" name="Group 6">
            <a:extLst>
              <a:ext uri="{FF2B5EF4-FFF2-40B4-BE49-F238E27FC236}">
                <a16:creationId xmlns:a16="http://schemas.microsoft.com/office/drawing/2014/main" id="{B8634BC2-31E5-7742-9EF2-26A66E39A3D6}"/>
              </a:ext>
            </a:extLst>
          </p:cNvPr>
          <p:cNvGrpSpPr/>
          <p:nvPr/>
        </p:nvGrpSpPr>
        <p:grpSpPr>
          <a:xfrm>
            <a:off x="427612" y="616139"/>
            <a:ext cx="8645592" cy="4470155"/>
            <a:chOff x="427612" y="616139"/>
            <a:chExt cx="8645592" cy="4470155"/>
          </a:xfrm>
        </p:grpSpPr>
        <p:grpSp>
          <p:nvGrpSpPr>
            <p:cNvPr id="6" name="Group 5">
              <a:extLst>
                <a:ext uri="{FF2B5EF4-FFF2-40B4-BE49-F238E27FC236}">
                  <a16:creationId xmlns:a16="http://schemas.microsoft.com/office/drawing/2014/main" id="{4EA5091E-6E8F-124C-A171-5361257B8264}"/>
                </a:ext>
              </a:extLst>
            </p:cNvPr>
            <p:cNvGrpSpPr/>
            <p:nvPr/>
          </p:nvGrpSpPr>
          <p:grpSpPr>
            <a:xfrm>
              <a:off x="427612" y="1212245"/>
              <a:ext cx="8029499" cy="3874049"/>
              <a:chOff x="427612" y="1212245"/>
              <a:chExt cx="8029499" cy="3874049"/>
            </a:xfrm>
          </p:grpSpPr>
          <p:grpSp>
            <p:nvGrpSpPr>
              <p:cNvPr id="5" name="Group 4">
                <a:extLst>
                  <a:ext uri="{FF2B5EF4-FFF2-40B4-BE49-F238E27FC236}">
                    <a16:creationId xmlns:a16="http://schemas.microsoft.com/office/drawing/2014/main" id="{675D8817-4D39-B843-AC4A-E57913E8F71B}"/>
                  </a:ext>
                </a:extLst>
              </p:cNvPr>
              <p:cNvGrpSpPr/>
              <p:nvPr/>
            </p:nvGrpSpPr>
            <p:grpSpPr>
              <a:xfrm>
                <a:off x="569746" y="1212245"/>
                <a:ext cx="7887365" cy="3874049"/>
                <a:chOff x="569746" y="1212245"/>
                <a:chExt cx="7887365" cy="3874049"/>
              </a:xfrm>
            </p:grpSpPr>
            <p:grpSp>
              <p:nvGrpSpPr>
                <p:cNvPr id="16" name="Group 15">
                  <a:extLst>
                    <a:ext uri="{FF2B5EF4-FFF2-40B4-BE49-F238E27FC236}">
                      <a16:creationId xmlns:a16="http://schemas.microsoft.com/office/drawing/2014/main" id="{A79AB51B-78E1-2640-8539-5BBD33B65AD5}"/>
                    </a:ext>
                  </a:extLst>
                </p:cNvPr>
                <p:cNvGrpSpPr/>
                <p:nvPr/>
              </p:nvGrpSpPr>
              <p:grpSpPr>
                <a:xfrm>
                  <a:off x="1893803" y="1212245"/>
                  <a:ext cx="6563308" cy="2843044"/>
                  <a:chOff x="1893803" y="1212245"/>
                  <a:chExt cx="6563308" cy="2843044"/>
                </a:xfrm>
              </p:grpSpPr>
              <p:cxnSp>
                <p:nvCxnSpPr>
                  <p:cNvPr id="41" name="Straight Connector 40">
                    <a:extLst>
                      <a:ext uri="{FF2B5EF4-FFF2-40B4-BE49-F238E27FC236}">
                        <a16:creationId xmlns:a16="http://schemas.microsoft.com/office/drawing/2014/main" id="{6B3F02DE-273F-2A44-9C35-B8AA10B7DF6C}"/>
                      </a:ext>
                    </a:extLst>
                  </p:cNvPr>
                  <p:cNvCxnSpPr>
                    <a:cxnSpLocks/>
                  </p:cNvCxnSpPr>
                  <p:nvPr/>
                </p:nvCxnSpPr>
                <p:spPr>
                  <a:xfrm flipH="1">
                    <a:off x="2023708" y="4052903"/>
                    <a:ext cx="1025456" cy="2386"/>
                  </a:xfrm>
                  <a:prstGeom prst="line">
                    <a:avLst/>
                  </a:prstGeom>
                  <a:ln w="57150" cmpd="sng">
                    <a:solidFill>
                      <a:srgbClr val="4F81BD"/>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grpSp>
                <p:nvGrpSpPr>
                  <p:cNvPr id="10" name="Group 9">
                    <a:extLst>
                      <a:ext uri="{FF2B5EF4-FFF2-40B4-BE49-F238E27FC236}">
                        <a16:creationId xmlns:a16="http://schemas.microsoft.com/office/drawing/2014/main" id="{602DB86D-1C0D-7B4F-B58F-8E48029652A8}"/>
                      </a:ext>
                    </a:extLst>
                  </p:cNvPr>
                  <p:cNvGrpSpPr/>
                  <p:nvPr/>
                </p:nvGrpSpPr>
                <p:grpSpPr>
                  <a:xfrm>
                    <a:off x="1893803" y="1212245"/>
                    <a:ext cx="6563308" cy="2425053"/>
                    <a:chOff x="1893803" y="1212245"/>
                    <a:chExt cx="6563308" cy="2425053"/>
                  </a:xfrm>
                </p:grpSpPr>
                <p:cxnSp>
                  <p:nvCxnSpPr>
                    <p:cNvPr id="43" name="Straight Connector 42">
                      <a:extLst>
                        <a:ext uri="{FF2B5EF4-FFF2-40B4-BE49-F238E27FC236}">
                          <a16:creationId xmlns:a16="http://schemas.microsoft.com/office/drawing/2014/main" id="{1AA0D1DB-3FBB-C94D-AC5F-4A21D66F5A48}"/>
                        </a:ext>
                      </a:extLst>
                    </p:cNvPr>
                    <p:cNvCxnSpPr>
                      <a:cxnSpLocks/>
                    </p:cNvCxnSpPr>
                    <p:nvPr/>
                  </p:nvCxnSpPr>
                  <p:spPr>
                    <a:xfrm flipH="1">
                      <a:off x="1893803" y="2092641"/>
                      <a:ext cx="3606679" cy="1544657"/>
                    </a:xfrm>
                    <a:prstGeom prst="line">
                      <a:avLst/>
                    </a:prstGeom>
                    <a:ln w="57150" cmpd="sng">
                      <a:solidFill>
                        <a:srgbClr val="4F81BD"/>
                      </a:solidFill>
                      <a:headEnd type="triangle" w="lg" len="sm"/>
                      <a:tailEnd type="triangle" w="lg" len="sm"/>
                    </a:ln>
                  </p:spPr>
                  <p:style>
                    <a:lnRef idx="2">
                      <a:schemeClr val="accent1"/>
                    </a:lnRef>
                    <a:fillRef idx="0">
                      <a:schemeClr val="accent1"/>
                    </a:fillRef>
                    <a:effectRef idx="1">
                      <a:schemeClr val="accent1"/>
                    </a:effectRef>
                    <a:fontRef idx="minor">
                      <a:schemeClr val="tx1"/>
                    </a:fontRef>
                  </p:style>
                </p:cxnSp>
                <p:sp>
                  <p:nvSpPr>
                    <p:cNvPr id="9" name="Oval 8">
                      <a:extLst>
                        <a:ext uri="{FF2B5EF4-FFF2-40B4-BE49-F238E27FC236}">
                          <a16:creationId xmlns:a16="http://schemas.microsoft.com/office/drawing/2014/main" id="{ABC224AA-DD05-EF47-A59D-105DDF750206}"/>
                        </a:ext>
                      </a:extLst>
                    </p:cNvPr>
                    <p:cNvSpPr/>
                    <p:nvPr/>
                  </p:nvSpPr>
                  <p:spPr>
                    <a:xfrm>
                      <a:off x="5552043" y="1212245"/>
                      <a:ext cx="2905068" cy="1720851"/>
                    </a:xfrm>
                    <a:prstGeom prst="ellipse">
                      <a:avLst/>
                    </a:prstGeom>
                    <a:noFill/>
                    <a:ln w="76200">
                      <a:solidFill>
                        <a:srgbClr val="4F81B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sp>
              <p:nvSpPr>
                <p:cNvPr id="36" name="TextBox 35">
                  <a:extLst>
                    <a:ext uri="{FF2B5EF4-FFF2-40B4-BE49-F238E27FC236}">
                      <a16:creationId xmlns:a16="http://schemas.microsoft.com/office/drawing/2014/main" id="{67FAFAE2-4F3D-3943-9AA8-A1FBC760F1B4}"/>
                    </a:ext>
                  </a:extLst>
                </p:cNvPr>
                <p:cNvSpPr txBox="1"/>
                <p:nvPr/>
              </p:nvSpPr>
              <p:spPr>
                <a:xfrm>
                  <a:off x="569746" y="4778517"/>
                  <a:ext cx="1087615" cy="307777"/>
                </a:xfrm>
                <a:prstGeom prst="rect">
                  <a:avLst/>
                </a:prstGeom>
                <a:noFill/>
              </p:spPr>
              <p:txBody>
                <a:bodyPr wrap="square" rtlCol="0">
                  <a:spAutoFit/>
                </a:bodyPr>
                <a:lstStyle/>
                <a:p>
                  <a:pPr algn="ctr"/>
                  <a:r>
                    <a:rPr lang="en-US" sz="1400" dirty="0"/>
                    <a:t>Investigator</a:t>
                  </a:r>
                </a:p>
              </p:txBody>
            </p:sp>
          </p:grpSp>
          <p:pic>
            <p:nvPicPr>
              <p:cNvPr id="4" name="Picture 3">
                <a:extLst>
                  <a:ext uri="{FF2B5EF4-FFF2-40B4-BE49-F238E27FC236}">
                    <a16:creationId xmlns:a16="http://schemas.microsoft.com/office/drawing/2014/main" id="{D170C053-924F-9142-88AE-D058425FB9B7}"/>
                  </a:ext>
                </a:extLst>
              </p:cNvPr>
              <p:cNvPicPr>
                <a:picLocks noChangeAspect="1"/>
              </p:cNvPicPr>
              <p:nvPr/>
            </p:nvPicPr>
            <p:blipFill rotWithShape="1">
              <a:blip r:embed="rId9"/>
              <a:srcRect l="14345" t="-903" r="22561" b="8199"/>
              <a:stretch/>
            </p:blipFill>
            <p:spPr>
              <a:xfrm>
                <a:off x="427612" y="2623127"/>
                <a:ext cx="1445789" cy="2124329"/>
              </a:xfrm>
              <a:prstGeom prst="rect">
                <a:avLst/>
              </a:prstGeom>
            </p:spPr>
          </p:pic>
        </p:grpSp>
        <p:sp>
          <p:nvSpPr>
            <p:cNvPr id="3" name="Rectangle 2">
              <a:extLst>
                <a:ext uri="{FF2B5EF4-FFF2-40B4-BE49-F238E27FC236}">
                  <a16:creationId xmlns:a16="http://schemas.microsoft.com/office/drawing/2014/main" id="{4FE2AD3D-2BF6-7447-97D0-4BA87F051140}"/>
                </a:ext>
              </a:extLst>
            </p:cNvPr>
            <p:cNvSpPr/>
            <p:nvPr/>
          </p:nvSpPr>
          <p:spPr>
            <a:xfrm>
              <a:off x="6970834" y="616139"/>
              <a:ext cx="2102370" cy="523220"/>
            </a:xfrm>
            <a:prstGeom prst="rect">
              <a:avLst/>
            </a:prstGeom>
          </p:spPr>
          <p:txBody>
            <a:bodyPr wrap="none">
              <a:spAutoFit/>
            </a:bodyPr>
            <a:lstStyle/>
            <a:p>
              <a:r>
                <a:rPr lang="en-US" sz="2800" b="1" u="sng" dirty="0">
                  <a:solidFill>
                    <a:schemeClr val="bg1"/>
                  </a:solidFill>
                </a:rPr>
                <a:t>and research</a:t>
              </a:r>
              <a:endParaRPr lang="en-US" sz="2800" dirty="0">
                <a:solidFill>
                  <a:schemeClr val="bg1"/>
                </a:solidFill>
              </a:endParaRPr>
            </a:p>
          </p:txBody>
        </p:sp>
      </p:grpSp>
    </p:spTree>
    <p:extLst>
      <p:ext uri="{BB962C8B-B14F-4D97-AF65-F5344CB8AC3E}">
        <p14:creationId xmlns:p14="http://schemas.microsoft.com/office/powerpoint/2010/main" val="25984501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Upper Left and Right Lower Logos">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Right Lower Logo Only">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Right Lower Logo Only">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NCEH_ATSDR_combined">
  <a:themeElements>
    <a:clrScheme name="Custom 7">
      <a:dk1>
        <a:srgbClr val="0F56DC"/>
      </a:dk1>
      <a:lt1>
        <a:srgbClr val="FFC000"/>
      </a:lt1>
      <a:dk2>
        <a:srgbClr val="FFFFFF"/>
      </a:dk2>
      <a:lt2>
        <a:srgbClr val="FFFFFF"/>
      </a:lt2>
      <a:accent1>
        <a:srgbClr val="4983F2"/>
      </a:accent1>
      <a:accent2>
        <a:srgbClr val="007D57"/>
      </a:accent2>
      <a:accent3>
        <a:srgbClr val="9A3B26"/>
      </a:accent3>
      <a:accent4>
        <a:srgbClr val="7F7F7F"/>
      </a:accent4>
      <a:accent5>
        <a:srgbClr val="0F56DC"/>
      </a:accent5>
      <a:accent6>
        <a:srgbClr val="002060"/>
      </a:accent6>
      <a:hlink>
        <a:srgbClr val="0F56DC"/>
      </a:hlink>
      <a:folHlink>
        <a:srgbClr val="3077FF"/>
      </a:folHlink>
    </a:clrScheme>
    <a:fontScheme name="CDC Myriad Web Pro">
      <a:majorFont>
        <a:latin typeface="Myriad Web Pro"/>
        <a:ea typeface=""/>
        <a:cs typeface=""/>
      </a:majorFont>
      <a:minorFont>
        <a:latin typeface="Myriad Web Pro"/>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spAutoFit/>
      </a:bodyPr>
      <a:lstStyle>
        <a:defPPr>
          <a:defRPr dirty="0" smtClean="0">
            <a:solidFill>
              <a:srgbClr val="000000"/>
            </a:solidFill>
            <a:latin typeface="Calibri" panose="020F0502020204030204" pitchFamily="34" charset="0"/>
          </a:defRPr>
        </a:defPPr>
      </a:lstStyle>
    </a:txDef>
  </a:objectDefaults>
  <a:extraClrScheme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7EA0B6AE90586B498E372650283B599F" ma:contentTypeVersion="15" ma:contentTypeDescription="Create a new document." ma:contentTypeScope="" ma:versionID="f994907f89457e6807e9108f5de8ac44">
  <xsd:schema xmlns:xsd="http://www.w3.org/2001/XMLSchema" xmlns:xs="http://www.w3.org/2001/XMLSchema" xmlns:p="http://schemas.microsoft.com/office/2006/metadata/properties" xmlns:ns1="http://schemas.microsoft.com/sharepoint/v3" xmlns:ns3="31912ff1-91bb-455a-93f4-4eefbe4b45dc" xmlns:ns4="83c27556-a946-441b-8e49-22dc5d76f230" targetNamespace="http://schemas.microsoft.com/office/2006/metadata/properties" ma:root="true" ma:fieldsID="f56c649683f97d5b7a7f7a632df42b95" ns1:_="" ns3:_="" ns4:_="">
    <xsd:import namespace="http://schemas.microsoft.com/sharepoint/v3"/>
    <xsd:import namespace="31912ff1-91bb-455a-93f4-4eefbe4b45dc"/>
    <xsd:import namespace="83c27556-a946-441b-8e49-22dc5d76f230"/>
    <xsd:element name="properties">
      <xsd:complexType>
        <xsd:sequence>
          <xsd:element name="documentManagement">
            <xsd:complexType>
              <xsd:all>
                <xsd:element ref="ns3:MediaServiceMetadata" minOccurs="0"/>
                <xsd:element ref="ns3:MediaServiceFastMetadata" minOccurs="0"/>
                <xsd:element ref="ns3:MediaServiceAutoTags" minOccurs="0"/>
                <xsd:element ref="ns3:MediaServiceOCR" minOccurs="0"/>
                <xsd:element ref="ns3:MediaServiceDateTaken" minOccurs="0"/>
                <xsd:element ref="ns3:MediaServiceLocation" minOccurs="0"/>
                <xsd:element ref="ns1:_ip_UnifiedCompliancePolicyProperties" minOccurs="0"/>
                <xsd:element ref="ns1:_ip_UnifiedCompliancePolicyUIAction" minOccurs="0"/>
                <xsd:element ref="ns4:SharedWithUsers" minOccurs="0"/>
                <xsd:element ref="ns4:SharedWithDetails" minOccurs="0"/>
                <xsd:element ref="ns4:SharingHintHash" minOccurs="0"/>
                <xsd:element ref="ns3:MediaServiceGenerationTime" minOccurs="0"/>
                <xsd:element ref="ns3:MediaServiceEventHashCode"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14" nillable="true" ma:displayName="Unified Compliance Policy Properties" ma:hidden="true" ma:internalName="_ip_UnifiedCompliancePolicyProperties">
      <xsd:simpleType>
        <xsd:restriction base="dms:Note"/>
      </xsd:simpleType>
    </xsd:element>
    <xsd:element name="_ip_UnifiedCompliancePolicyUIAction" ma:index="15" nillable="true" ma:displayName="Unified Compliance Policy UI Action" ma:hidden="true" ma:internalName="_ip_UnifiedCompliancePolicyUIAction">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31912ff1-91bb-455a-93f4-4eefbe4b45d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Location" ma:index="13" nillable="true" ma:displayName="Location" ma:internalName="MediaServiceLocation" ma:readOnly="true">
      <xsd:simpleType>
        <xsd:restriction base="dms:Text"/>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element name="MediaServiceAutoKeyPoints" ma:index="21" nillable="true" ma:displayName="MediaServiceAutoKeyPoints" ma:hidden="true" ma:internalName="MediaServiceAutoKeyPoints" ma:readOnly="true">
      <xsd:simpleType>
        <xsd:restriction base="dms:Note"/>
      </xsd:simpleType>
    </xsd:element>
    <xsd:element name="MediaServiceKeyPoints" ma:index="22"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c27556-a946-441b-8e49-22dc5d76f230" elementFormDefault="qualified">
    <xsd:import namespace="http://schemas.microsoft.com/office/2006/documentManagement/types"/>
    <xsd:import namespace="http://schemas.microsoft.com/office/infopath/2007/PartnerControls"/>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element name="SharingHintHash" ma:index="18"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_ip_UnifiedCompliancePolicyUIAction xmlns="http://schemas.microsoft.com/sharepoint/v3" xsi:nil="true"/>
    <_ip_UnifiedCompliancePolicyProperties xmlns="http://schemas.microsoft.com/sharepoint/v3"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3B6888C-D6E2-4459-8E6B-C3BD980B424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31912ff1-91bb-455a-93f4-4eefbe4b45dc"/>
    <ds:schemaRef ds:uri="83c27556-a946-441b-8e49-22dc5d76f23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F22542A4-30FB-4249-8709-C3EA460485EC}">
  <ds:schemaRefs>
    <ds:schemaRef ds:uri="http://www.w3.org/XML/1998/namespace"/>
    <ds:schemaRef ds:uri="http://purl.org/dc/elements/1.1/"/>
    <ds:schemaRef ds:uri="http://schemas.microsoft.com/office/2006/metadata/properties"/>
    <ds:schemaRef ds:uri="83c27556-a946-441b-8e49-22dc5d76f230"/>
    <ds:schemaRef ds:uri="http://schemas.microsoft.com/office/2006/documentManagement/types"/>
    <ds:schemaRef ds:uri="http://schemas.microsoft.com/office/infopath/2007/PartnerControls"/>
    <ds:schemaRef ds:uri="http://purl.org/dc/dcmitype/"/>
    <ds:schemaRef ds:uri="http://schemas.openxmlformats.org/package/2006/metadata/core-properties"/>
    <ds:schemaRef ds:uri="31912ff1-91bb-455a-93f4-4eefbe4b45dc"/>
    <ds:schemaRef ds:uri="http://schemas.microsoft.com/sharepoint/v3"/>
    <ds:schemaRef ds:uri="http://purl.org/dc/terms/"/>
  </ds:schemaRefs>
</ds:datastoreItem>
</file>

<file path=customXml/itemProps3.xml><?xml version="1.0" encoding="utf-8"?>
<ds:datastoreItem xmlns:ds="http://schemas.openxmlformats.org/officeDocument/2006/customXml" ds:itemID="{7B2037C1-F425-4274-9C80-7DF8A1FBBAA7}">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67733</TotalTime>
  <Words>4303</Words>
  <Application>Microsoft Office PowerPoint</Application>
  <PresentationFormat>Widescreen</PresentationFormat>
  <Paragraphs>831</Paragraphs>
  <Slides>48</Slides>
  <Notes>26</Notes>
  <HiddenSlides>0</HiddenSlides>
  <MMClips>0</MMClips>
  <ScaleCrop>false</ScaleCrop>
  <HeadingPairs>
    <vt:vector size="6" baseType="variant">
      <vt:variant>
        <vt:lpstr>Fonts Used</vt:lpstr>
      </vt:variant>
      <vt:variant>
        <vt:i4>11</vt:i4>
      </vt:variant>
      <vt:variant>
        <vt:lpstr>Theme</vt:lpstr>
      </vt:variant>
      <vt:variant>
        <vt:i4>6</vt:i4>
      </vt:variant>
      <vt:variant>
        <vt:lpstr>Slide Titles</vt:lpstr>
      </vt:variant>
      <vt:variant>
        <vt:i4>48</vt:i4>
      </vt:variant>
    </vt:vector>
  </HeadingPairs>
  <TitlesOfParts>
    <vt:vector size="65" baseType="lpstr">
      <vt:lpstr>Arial</vt:lpstr>
      <vt:lpstr>Arial Narrow</vt:lpstr>
      <vt:lpstr>Calibri</vt:lpstr>
      <vt:lpstr>Calibri Light</vt:lpstr>
      <vt:lpstr>Century Gothic</vt:lpstr>
      <vt:lpstr>Courier New</vt:lpstr>
      <vt:lpstr>Gotham Rounded Book</vt:lpstr>
      <vt:lpstr>Gotham Rounded Medium</vt:lpstr>
      <vt:lpstr>Myriad Web Pro</vt:lpstr>
      <vt:lpstr>Times New Roman</vt:lpstr>
      <vt:lpstr>Wingdings</vt:lpstr>
      <vt:lpstr>Office Theme</vt:lpstr>
      <vt:lpstr>Upper Left and Right Lower Logos</vt:lpstr>
      <vt:lpstr>Custom Design</vt:lpstr>
      <vt:lpstr>1_Right Lower Logo Only</vt:lpstr>
      <vt:lpstr>Right Lower Logo Only</vt:lpstr>
      <vt:lpstr>NCEH_ATSDR_combined</vt:lpstr>
      <vt:lpstr>PowerPoint Presentation</vt:lpstr>
      <vt:lpstr>PowerPoint Presentation</vt:lpstr>
      <vt:lpstr>HL7 and Project Update</vt:lpstr>
      <vt:lpstr>Timeline: MedMorph Activities &amp; IG Balloting</vt:lpstr>
      <vt:lpstr>MedMorph: Deliverables and Artifacts</vt:lpstr>
      <vt:lpstr>HL7: Deliverables and Artifacts</vt:lpstr>
      <vt:lpstr>MCC eCare and MedMorph Projects Opportunities for collaboration</vt:lpstr>
      <vt:lpstr>MCC eCare and MedMorph Projects Opportunities for collaboration</vt:lpstr>
      <vt:lpstr>Lack of infrastructure to share patient data across settings impedes clinical care</vt:lpstr>
      <vt:lpstr>Care coordination &amp; research challenges are exacerbated in people with multiple chronic conditions</vt:lpstr>
      <vt:lpstr>Comorbidity in Fee-for-Service Medicare Beneficiaries  by Chronic Condition (2017)</vt:lpstr>
      <vt:lpstr>Hospital Readmissions by Number of Comorbidities among Medicare Beneficiaries (2017)</vt:lpstr>
      <vt:lpstr>The e-care plan uses data standards to enable access to/sharing of comprehensive, person-centered information</vt:lpstr>
      <vt:lpstr>Comprehensive Shared Care Plan Definition: US Department of Health and Human Services 2015 stakeholder panel</vt:lpstr>
      <vt:lpstr>Our Shared Goal: Make EHR Data More FAIR for Research, Healthcare and Public Health</vt:lpstr>
      <vt:lpstr>Comorbidity in Fee-for-Service Medicare Beneficiaries  by Chronic Condition (2017)</vt:lpstr>
      <vt:lpstr>AHRQ-NIDDK Project Deliverables</vt:lpstr>
      <vt:lpstr>MCC  Plan Roadmap for Sept 19 –Sept 20</vt:lpstr>
      <vt:lpstr>Multiple Chronic Conditions eCare Plan Roadmap</vt:lpstr>
      <vt:lpstr>Technical Expert Panel</vt:lpstr>
      <vt:lpstr>Federal Team</vt:lpstr>
      <vt:lpstr>Expand e-care plan data elements &amp; standards:  …building from CKD</vt:lpstr>
      <vt:lpstr>Expand e-care plan data elements &amp; standards:  …expanding to IHD, CHF, HTN, Pain, Opioids, Type 2 Diabetes</vt:lpstr>
      <vt:lpstr>Expand e-care plan data elements &amp; standards:  …beyond the work we are doing at NIDDK</vt:lpstr>
      <vt:lpstr>Expand e-care plan data elements &amp; standards:  …beyond the work we are doing at NIDDK</vt:lpstr>
      <vt:lpstr>Expand e-care plan data elements &amp; standards:  …beyond the work we are doing at NIDDK</vt:lpstr>
      <vt:lpstr>For more information:</vt:lpstr>
      <vt:lpstr>Exploring Interoperability Between Electronic Health Records (EHRs) and Electronic Death Reporting System (EDRS) using FHIR</vt:lpstr>
      <vt:lpstr>Exploring Interoperability Between Electronic Health Records (EHRs) and Electronic Death Registration System (EDRS) using FHIR</vt:lpstr>
      <vt:lpstr>Current Mortality Data Flow</vt:lpstr>
      <vt:lpstr>Future Mortality Data Flow</vt:lpstr>
      <vt:lpstr>Problem Statement </vt:lpstr>
      <vt:lpstr>Objectives</vt:lpstr>
      <vt:lpstr>Alignment with MedMorph Use cases</vt:lpstr>
      <vt:lpstr>High Level Overview: Hospital Mortality Encounter </vt:lpstr>
      <vt:lpstr>PowerPoint Presentation</vt:lpstr>
      <vt:lpstr>Considerations (MedMorph)</vt:lpstr>
      <vt:lpstr>            USCDI and Death Certificate Data Elements</vt:lpstr>
      <vt:lpstr>Death Certificate Date Elements not in USCDI</vt:lpstr>
      <vt:lpstr>Information on Mortality Reporting</vt:lpstr>
      <vt:lpstr>Discussion</vt:lpstr>
      <vt:lpstr>Upcoming MedMorph Meetings</vt:lpstr>
      <vt:lpstr>Contacts</vt:lpstr>
      <vt:lpstr>Appendix A: MedMorph General Information</vt:lpstr>
      <vt:lpstr>PowerPoint Presentation</vt:lpstr>
      <vt:lpstr>Evaluation WG</vt:lpstr>
      <vt:lpstr>Appendix B: HL7 FHIR Resources</vt:lpstr>
      <vt:lpstr>Helpful FHIR Link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ichaels, Maria (CDC/DDPHSS/CSELS/OD)</dc:creator>
  <cp:lastModifiedBy> </cp:lastModifiedBy>
  <cp:revision>80</cp:revision>
  <dcterms:created xsi:type="dcterms:W3CDTF">2019-11-04T17:18:41Z</dcterms:created>
  <dcterms:modified xsi:type="dcterms:W3CDTF">2020-07-21T17:15: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EA0B6AE90586B498E372650283B599F</vt:lpwstr>
  </property>
  <property fmtid="{D5CDD505-2E9C-101B-9397-08002B2CF9AE}" pid="3" name="MSIP_Label_7b94a7b8-f06c-4dfe-bdcc-9b548fd58c31_Enabled">
    <vt:lpwstr>True</vt:lpwstr>
  </property>
  <property fmtid="{D5CDD505-2E9C-101B-9397-08002B2CF9AE}" pid="4" name="MSIP_Label_7b94a7b8-f06c-4dfe-bdcc-9b548fd58c31_SiteId">
    <vt:lpwstr>9ce70869-60db-44fd-abe8-d2767077fc8f</vt:lpwstr>
  </property>
  <property fmtid="{D5CDD505-2E9C-101B-9397-08002B2CF9AE}" pid="5" name="MSIP_Label_7b94a7b8-f06c-4dfe-bdcc-9b548fd58c31_Owner">
    <vt:lpwstr>pdz1@cdc.gov</vt:lpwstr>
  </property>
  <property fmtid="{D5CDD505-2E9C-101B-9397-08002B2CF9AE}" pid="6" name="MSIP_Label_7b94a7b8-f06c-4dfe-bdcc-9b548fd58c31_SetDate">
    <vt:lpwstr>2020-07-21T15:28:38.4084376Z</vt:lpwstr>
  </property>
  <property fmtid="{D5CDD505-2E9C-101B-9397-08002B2CF9AE}" pid="7" name="MSIP_Label_7b94a7b8-f06c-4dfe-bdcc-9b548fd58c31_Name">
    <vt:lpwstr>General</vt:lpwstr>
  </property>
  <property fmtid="{D5CDD505-2E9C-101B-9397-08002B2CF9AE}" pid="8" name="MSIP_Label_7b94a7b8-f06c-4dfe-bdcc-9b548fd58c31_Application">
    <vt:lpwstr>Microsoft Azure Information Protection</vt:lpwstr>
  </property>
  <property fmtid="{D5CDD505-2E9C-101B-9397-08002B2CF9AE}" pid="9" name="MSIP_Label_7b94a7b8-f06c-4dfe-bdcc-9b548fd58c31_ActionId">
    <vt:lpwstr>242c5a70-a0f0-49e9-878c-45a3360026ad</vt:lpwstr>
  </property>
  <property fmtid="{D5CDD505-2E9C-101B-9397-08002B2CF9AE}" pid="10" name="MSIP_Label_7b94a7b8-f06c-4dfe-bdcc-9b548fd58c31_Extended_MSFT_Method">
    <vt:lpwstr>Manual</vt:lpwstr>
  </property>
  <property fmtid="{D5CDD505-2E9C-101B-9397-08002B2CF9AE}" pid="11" name="Sensitivity">
    <vt:lpwstr>General</vt:lpwstr>
  </property>
</Properties>
</file>